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notesSlides/notesSlide2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</p:sldMasterIdLst>
  <p:notesMasterIdLst>
    <p:notesMasterId r:id="rId21"/>
  </p:notesMasterIdLst>
  <p:sldIdLst>
    <p:sldId id="279" r:id="rId2"/>
    <p:sldId id="257" r:id="rId3"/>
    <p:sldId id="258" r:id="rId4"/>
    <p:sldId id="276" r:id="rId5"/>
    <p:sldId id="280" r:id="rId6"/>
    <p:sldId id="259" r:id="rId7"/>
    <p:sldId id="267" r:id="rId8"/>
    <p:sldId id="260" r:id="rId9"/>
    <p:sldId id="261" r:id="rId10"/>
    <p:sldId id="269" r:id="rId11"/>
    <p:sldId id="277" r:id="rId12"/>
    <p:sldId id="275" r:id="rId13"/>
    <p:sldId id="263" r:id="rId14"/>
    <p:sldId id="264" r:id="rId15"/>
    <p:sldId id="268" r:id="rId16"/>
    <p:sldId id="265" r:id="rId17"/>
    <p:sldId id="278" r:id="rId18"/>
    <p:sldId id="274" r:id="rId19"/>
    <p:sldId id="266" r:id="rId20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7E3AEB80-306C-4531-8C7C-E028975F4F93}" v="4" dt="2024-10-20T06:02:34.392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620"/>
    <p:restoredTop sz="94660"/>
  </p:normalViewPr>
  <p:slideViewPr>
    <p:cSldViewPr snapToGrid="0">
      <p:cViewPr varScale="1">
        <p:scale>
          <a:sx n="76" d="100"/>
          <a:sy n="76" d="100"/>
        </p:scale>
        <p:origin x="91" y="341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microsoft.com/office/2016/11/relationships/changesInfo" Target="changesInfos/changesInfo1.xml"/><Relationship Id="rId3" Type="http://schemas.openxmlformats.org/officeDocument/2006/relationships/slide" Target="slides/slide2.xml"/><Relationship Id="rId21" Type="http://schemas.openxmlformats.org/officeDocument/2006/relationships/notesMaster" Target="notesMasters/notesMaster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presProps" Target="presProps.xml"/><Relationship Id="rId27" Type="http://schemas.microsoft.com/office/2015/10/relationships/revisionInfo" Target="revisionInfo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N L" userId="a0f86321d7a7d29e" providerId="LiveId" clId="{7E3AEB80-306C-4531-8C7C-E028975F4F93}"/>
    <pc:docChg chg="undo redo custSel addSld delSld modSld">
      <pc:chgData name="N L" userId="a0f86321d7a7d29e" providerId="LiveId" clId="{7E3AEB80-306C-4531-8C7C-E028975F4F93}" dt="2024-10-20T08:19:04.638" v="597" actId="20577"/>
      <pc:docMkLst>
        <pc:docMk/>
      </pc:docMkLst>
      <pc:sldChg chg="del">
        <pc:chgData name="N L" userId="a0f86321d7a7d29e" providerId="LiveId" clId="{7E3AEB80-306C-4531-8C7C-E028975F4F93}" dt="2024-10-20T06:40:27.230" v="505" actId="2696"/>
        <pc:sldMkLst>
          <pc:docMk/>
          <pc:sldMk cId="3122649492" sldId="256"/>
        </pc:sldMkLst>
      </pc:sldChg>
      <pc:sldChg chg="modSp mod">
        <pc:chgData name="N L" userId="a0f86321d7a7d29e" providerId="LiveId" clId="{7E3AEB80-306C-4531-8C7C-E028975F4F93}" dt="2024-10-20T08:03:41.202" v="585" actId="20577"/>
        <pc:sldMkLst>
          <pc:docMk/>
          <pc:sldMk cId="3633487232" sldId="257"/>
        </pc:sldMkLst>
        <pc:spChg chg="mod">
          <ac:chgData name="N L" userId="a0f86321d7a7d29e" providerId="LiveId" clId="{7E3AEB80-306C-4531-8C7C-E028975F4F93}" dt="2024-10-20T06:42:00.085" v="512" actId="2711"/>
          <ac:spMkLst>
            <pc:docMk/>
            <pc:sldMk cId="3633487232" sldId="257"/>
            <ac:spMk id="2" creationId="{00000000-0000-0000-0000-000000000000}"/>
          </ac:spMkLst>
        </pc:spChg>
        <pc:spChg chg="mod">
          <ac:chgData name="N L" userId="a0f86321d7a7d29e" providerId="LiveId" clId="{7E3AEB80-306C-4531-8C7C-E028975F4F93}" dt="2024-10-20T08:03:41.202" v="585" actId="20577"/>
          <ac:spMkLst>
            <pc:docMk/>
            <pc:sldMk cId="3633487232" sldId="257"/>
            <ac:spMk id="3" creationId="{00000000-0000-0000-0000-000000000000}"/>
          </ac:spMkLst>
        </pc:spChg>
      </pc:sldChg>
      <pc:sldChg chg="modSp mod">
        <pc:chgData name="N L" userId="a0f86321d7a7d29e" providerId="LiveId" clId="{7E3AEB80-306C-4531-8C7C-E028975F4F93}" dt="2024-10-20T06:42:25.733" v="516" actId="120"/>
        <pc:sldMkLst>
          <pc:docMk/>
          <pc:sldMk cId="3767711167" sldId="258"/>
        </pc:sldMkLst>
        <pc:spChg chg="mod">
          <ac:chgData name="N L" userId="a0f86321d7a7d29e" providerId="LiveId" clId="{7E3AEB80-306C-4531-8C7C-E028975F4F93}" dt="2024-10-20T06:42:20.715" v="515" actId="2711"/>
          <ac:spMkLst>
            <pc:docMk/>
            <pc:sldMk cId="3767711167" sldId="258"/>
            <ac:spMk id="2" creationId="{00000000-0000-0000-0000-000000000000}"/>
          </ac:spMkLst>
        </pc:spChg>
        <pc:spChg chg="mod">
          <ac:chgData name="N L" userId="a0f86321d7a7d29e" providerId="LiveId" clId="{7E3AEB80-306C-4531-8C7C-E028975F4F93}" dt="2024-10-20T06:42:25.733" v="516" actId="120"/>
          <ac:spMkLst>
            <pc:docMk/>
            <pc:sldMk cId="3767711167" sldId="258"/>
            <ac:spMk id="3" creationId="{00000000-0000-0000-0000-000000000000}"/>
          </ac:spMkLst>
        </pc:spChg>
      </pc:sldChg>
      <pc:sldChg chg="modSp mod">
        <pc:chgData name="N L" userId="a0f86321d7a7d29e" providerId="LiveId" clId="{7E3AEB80-306C-4531-8C7C-E028975F4F93}" dt="2024-10-20T06:42:53.390" v="519" actId="2711"/>
        <pc:sldMkLst>
          <pc:docMk/>
          <pc:sldMk cId="2659618667" sldId="259"/>
        </pc:sldMkLst>
        <pc:spChg chg="mod">
          <ac:chgData name="N L" userId="a0f86321d7a7d29e" providerId="LiveId" clId="{7E3AEB80-306C-4531-8C7C-E028975F4F93}" dt="2024-10-20T06:42:53.390" v="519" actId="2711"/>
          <ac:spMkLst>
            <pc:docMk/>
            <pc:sldMk cId="2659618667" sldId="259"/>
            <ac:spMk id="2" creationId="{00000000-0000-0000-0000-000000000000}"/>
          </ac:spMkLst>
        </pc:spChg>
      </pc:sldChg>
      <pc:sldChg chg="modSp mod">
        <pc:chgData name="N L" userId="a0f86321d7a7d29e" providerId="LiveId" clId="{7E3AEB80-306C-4531-8C7C-E028975F4F93}" dt="2024-10-20T06:43:54.845" v="522" actId="404"/>
        <pc:sldMkLst>
          <pc:docMk/>
          <pc:sldMk cId="2666729557" sldId="260"/>
        </pc:sldMkLst>
        <pc:spChg chg="mod">
          <ac:chgData name="N L" userId="a0f86321d7a7d29e" providerId="LiveId" clId="{7E3AEB80-306C-4531-8C7C-E028975F4F93}" dt="2024-10-20T06:43:44.981" v="521" actId="2711"/>
          <ac:spMkLst>
            <pc:docMk/>
            <pc:sldMk cId="2666729557" sldId="260"/>
            <ac:spMk id="2" creationId="{00000000-0000-0000-0000-000000000000}"/>
          </ac:spMkLst>
        </pc:spChg>
        <pc:spChg chg="mod">
          <ac:chgData name="N L" userId="a0f86321d7a7d29e" providerId="LiveId" clId="{7E3AEB80-306C-4531-8C7C-E028975F4F93}" dt="2024-10-20T06:43:54.845" v="522" actId="404"/>
          <ac:spMkLst>
            <pc:docMk/>
            <pc:sldMk cId="2666729557" sldId="260"/>
            <ac:spMk id="3" creationId="{00000000-0000-0000-0000-000000000000}"/>
          </ac:spMkLst>
        </pc:spChg>
      </pc:sldChg>
      <pc:sldChg chg="modSp mod">
        <pc:chgData name="N L" userId="a0f86321d7a7d29e" providerId="LiveId" clId="{7E3AEB80-306C-4531-8C7C-E028975F4F93}" dt="2024-10-20T06:44:06.436" v="523" actId="2711"/>
        <pc:sldMkLst>
          <pc:docMk/>
          <pc:sldMk cId="2314944744" sldId="261"/>
        </pc:sldMkLst>
        <pc:spChg chg="mod">
          <ac:chgData name="N L" userId="a0f86321d7a7d29e" providerId="LiveId" clId="{7E3AEB80-306C-4531-8C7C-E028975F4F93}" dt="2024-10-20T06:44:06.436" v="523" actId="2711"/>
          <ac:spMkLst>
            <pc:docMk/>
            <pc:sldMk cId="2314944744" sldId="261"/>
            <ac:spMk id="2" creationId="{00000000-0000-0000-0000-000000000000}"/>
          </ac:spMkLst>
        </pc:spChg>
        <pc:spChg chg="mod">
          <ac:chgData name="N L" userId="a0f86321d7a7d29e" providerId="LiveId" clId="{7E3AEB80-306C-4531-8C7C-E028975F4F93}" dt="2024-10-19T07:10:54.703" v="465" actId="14100"/>
          <ac:spMkLst>
            <pc:docMk/>
            <pc:sldMk cId="2314944744" sldId="261"/>
            <ac:spMk id="9" creationId="{354469EB-FC21-F10A-D71F-242C7F05CBBB}"/>
          </ac:spMkLst>
        </pc:spChg>
      </pc:sldChg>
      <pc:sldChg chg="modSp mod">
        <pc:chgData name="N L" userId="a0f86321d7a7d29e" providerId="LiveId" clId="{7E3AEB80-306C-4531-8C7C-E028975F4F93}" dt="2024-10-20T06:45:21.365" v="549" actId="20577"/>
        <pc:sldMkLst>
          <pc:docMk/>
          <pc:sldMk cId="1923928155" sldId="263"/>
        </pc:sldMkLst>
        <pc:spChg chg="mod">
          <ac:chgData name="N L" userId="a0f86321d7a7d29e" providerId="LiveId" clId="{7E3AEB80-306C-4531-8C7C-E028975F4F93}" dt="2024-10-20T06:44:45.137" v="528" actId="2711"/>
          <ac:spMkLst>
            <pc:docMk/>
            <pc:sldMk cId="1923928155" sldId="263"/>
            <ac:spMk id="2" creationId="{00000000-0000-0000-0000-000000000000}"/>
          </ac:spMkLst>
        </pc:spChg>
        <pc:spChg chg="mod">
          <ac:chgData name="N L" userId="a0f86321d7a7d29e" providerId="LiveId" clId="{7E3AEB80-306C-4531-8C7C-E028975F4F93}" dt="2024-10-20T06:45:21.365" v="549" actId="20577"/>
          <ac:spMkLst>
            <pc:docMk/>
            <pc:sldMk cId="1923928155" sldId="263"/>
            <ac:spMk id="3" creationId="{00000000-0000-0000-0000-000000000000}"/>
          </ac:spMkLst>
        </pc:spChg>
      </pc:sldChg>
      <pc:sldChg chg="modSp mod">
        <pc:chgData name="N L" userId="a0f86321d7a7d29e" providerId="LiveId" clId="{7E3AEB80-306C-4531-8C7C-E028975F4F93}" dt="2024-10-20T08:19:04.638" v="597" actId="20577"/>
        <pc:sldMkLst>
          <pc:docMk/>
          <pc:sldMk cId="2238571193" sldId="264"/>
        </pc:sldMkLst>
        <pc:spChg chg="mod">
          <ac:chgData name="N L" userId="a0f86321d7a7d29e" providerId="LiveId" clId="{7E3AEB80-306C-4531-8C7C-E028975F4F93}" dt="2024-10-20T06:45:30.915" v="550" actId="2711"/>
          <ac:spMkLst>
            <pc:docMk/>
            <pc:sldMk cId="2238571193" sldId="264"/>
            <ac:spMk id="2" creationId="{00000000-0000-0000-0000-000000000000}"/>
          </ac:spMkLst>
        </pc:spChg>
        <pc:spChg chg="mod">
          <ac:chgData name="N L" userId="a0f86321d7a7d29e" providerId="LiveId" clId="{7E3AEB80-306C-4531-8C7C-E028975F4F93}" dt="2024-10-20T08:19:04.638" v="597" actId="20577"/>
          <ac:spMkLst>
            <pc:docMk/>
            <pc:sldMk cId="2238571193" sldId="264"/>
            <ac:spMk id="3" creationId="{00000000-0000-0000-0000-000000000000}"/>
          </ac:spMkLst>
        </pc:spChg>
      </pc:sldChg>
      <pc:sldChg chg="modSp mod">
        <pc:chgData name="N L" userId="a0f86321d7a7d29e" providerId="LiveId" clId="{7E3AEB80-306C-4531-8C7C-E028975F4F93}" dt="2024-10-20T06:46:36.296" v="564" actId="123"/>
        <pc:sldMkLst>
          <pc:docMk/>
          <pc:sldMk cId="3613863315" sldId="265"/>
        </pc:sldMkLst>
        <pc:spChg chg="mod">
          <ac:chgData name="N L" userId="a0f86321d7a7d29e" providerId="LiveId" clId="{7E3AEB80-306C-4531-8C7C-E028975F4F93}" dt="2024-10-20T06:46:05.734" v="558" actId="2711"/>
          <ac:spMkLst>
            <pc:docMk/>
            <pc:sldMk cId="3613863315" sldId="265"/>
            <ac:spMk id="2" creationId="{00000000-0000-0000-0000-000000000000}"/>
          </ac:spMkLst>
        </pc:spChg>
        <pc:spChg chg="mod">
          <ac:chgData name="N L" userId="a0f86321d7a7d29e" providerId="LiveId" clId="{7E3AEB80-306C-4531-8C7C-E028975F4F93}" dt="2024-10-20T06:46:36.296" v="564" actId="123"/>
          <ac:spMkLst>
            <pc:docMk/>
            <pc:sldMk cId="3613863315" sldId="265"/>
            <ac:spMk id="4" creationId="{CED7B48F-8B91-CFA9-CF9C-E4341C01F044}"/>
          </ac:spMkLst>
        </pc:spChg>
      </pc:sldChg>
      <pc:sldChg chg="modSp mod">
        <pc:chgData name="N L" userId="a0f86321d7a7d29e" providerId="LiveId" clId="{7E3AEB80-306C-4531-8C7C-E028975F4F93}" dt="2024-10-20T06:43:16.600" v="520" actId="2711"/>
        <pc:sldMkLst>
          <pc:docMk/>
          <pc:sldMk cId="2987530027" sldId="267"/>
        </pc:sldMkLst>
        <pc:spChg chg="mod">
          <ac:chgData name="N L" userId="a0f86321d7a7d29e" providerId="LiveId" clId="{7E3AEB80-306C-4531-8C7C-E028975F4F93}" dt="2024-10-20T06:43:16.600" v="520" actId="2711"/>
          <ac:spMkLst>
            <pc:docMk/>
            <pc:sldMk cId="2987530027" sldId="267"/>
            <ac:spMk id="2" creationId="{87EF43C9-E096-DA2E-459E-A4C8950150F7}"/>
          </ac:spMkLst>
        </pc:spChg>
      </pc:sldChg>
      <pc:sldChg chg="modSp mod">
        <pc:chgData name="N L" userId="a0f86321d7a7d29e" providerId="LiveId" clId="{7E3AEB80-306C-4531-8C7C-E028975F4F93}" dt="2024-10-20T06:46:22.292" v="560" actId="1076"/>
        <pc:sldMkLst>
          <pc:docMk/>
          <pc:sldMk cId="2856357337" sldId="268"/>
        </pc:sldMkLst>
        <pc:spChg chg="mod">
          <ac:chgData name="N L" userId="a0f86321d7a7d29e" providerId="LiveId" clId="{7E3AEB80-306C-4531-8C7C-E028975F4F93}" dt="2024-10-20T06:46:22.292" v="560" actId="1076"/>
          <ac:spMkLst>
            <pc:docMk/>
            <pc:sldMk cId="2856357337" sldId="268"/>
            <ac:spMk id="114" creationId="{00000000-0000-0000-0000-000000000000}"/>
          </ac:spMkLst>
        </pc:spChg>
      </pc:sldChg>
      <pc:sldChg chg="addSp delSp modSp mod">
        <pc:chgData name="N L" userId="a0f86321d7a7d29e" providerId="LiveId" clId="{7E3AEB80-306C-4531-8C7C-E028975F4F93}" dt="2024-10-20T06:44:14.407" v="524" actId="2711"/>
        <pc:sldMkLst>
          <pc:docMk/>
          <pc:sldMk cId="2249459520" sldId="269"/>
        </pc:sldMkLst>
        <pc:spChg chg="mod">
          <ac:chgData name="N L" userId="a0f86321d7a7d29e" providerId="LiveId" clId="{7E3AEB80-306C-4531-8C7C-E028975F4F93}" dt="2024-10-20T06:44:14.407" v="524" actId="2711"/>
          <ac:spMkLst>
            <pc:docMk/>
            <pc:sldMk cId="2249459520" sldId="269"/>
            <ac:spMk id="2" creationId="{A49B28A5-9F1D-C1E9-3190-C6005FE0BEBF}"/>
          </ac:spMkLst>
        </pc:spChg>
        <pc:spChg chg="add del mod">
          <ac:chgData name="N L" userId="a0f86321d7a7d29e" providerId="LiveId" clId="{7E3AEB80-306C-4531-8C7C-E028975F4F93}" dt="2024-10-19T07:15:09.722" v="477" actId="22"/>
          <ac:spMkLst>
            <pc:docMk/>
            <pc:sldMk cId="2249459520" sldId="269"/>
            <ac:spMk id="7" creationId="{1D13F38C-9714-EA64-0318-0E6EE14CF374}"/>
          </ac:spMkLst>
        </pc:spChg>
        <pc:picChg chg="add mod">
          <ac:chgData name="N L" userId="a0f86321d7a7d29e" providerId="LiveId" clId="{7E3AEB80-306C-4531-8C7C-E028975F4F93}" dt="2024-10-19T07:11:41.672" v="468" actId="1076"/>
          <ac:picMkLst>
            <pc:docMk/>
            <pc:sldMk cId="2249459520" sldId="269"/>
            <ac:picMk id="3" creationId="{9C6F44B4-E027-2C70-E241-0847AE226096}"/>
          </ac:picMkLst>
        </pc:picChg>
        <pc:picChg chg="mod">
          <ac:chgData name="N L" userId="a0f86321d7a7d29e" providerId="LiveId" clId="{7E3AEB80-306C-4531-8C7C-E028975F4F93}" dt="2024-10-19T07:15:17.128" v="479" actId="1076"/>
          <ac:picMkLst>
            <pc:docMk/>
            <pc:sldMk cId="2249459520" sldId="269"/>
            <ac:picMk id="4" creationId="{236AD45E-4817-4412-1CA0-8AACEF5574CE}"/>
          </ac:picMkLst>
        </pc:picChg>
        <pc:picChg chg="add del mod">
          <ac:chgData name="N L" userId="a0f86321d7a7d29e" providerId="LiveId" clId="{7E3AEB80-306C-4531-8C7C-E028975F4F93}" dt="2024-10-19T07:13:43.535" v="471" actId="21"/>
          <ac:picMkLst>
            <pc:docMk/>
            <pc:sldMk cId="2249459520" sldId="269"/>
            <ac:picMk id="5" creationId="{8F7C1A44-91D6-EBF0-AC80-AC151D6EF43A}"/>
          </ac:picMkLst>
        </pc:picChg>
        <pc:picChg chg="del">
          <ac:chgData name="N L" userId="a0f86321d7a7d29e" providerId="LiveId" clId="{7E3AEB80-306C-4531-8C7C-E028975F4F93}" dt="2024-10-19T07:15:14.172" v="478" actId="21"/>
          <ac:picMkLst>
            <pc:docMk/>
            <pc:sldMk cId="2249459520" sldId="269"/>
            <ac:picMk id="9" creationId="{BC01F914-575D-4E11-AEF5-FBA30556BBA9}"/>
          </ac:picMkLst>
        </pc:picChg>
        <pc:picChg chg="del">
          <ac:chgData name="N L" userId="a0f86321d7a7d29e" providerId="LiveId" clId="{7E3AEB80-306C-4531-8C7C-E028975F4F93}" dt="2024-10-19T07:13:35.924" v="469" actId="21"/>
          <ac:picMkLst>
            <pc:docMk/>
            <pc:sldMk cId="2249459520" sldId="269"/>
            <ac:picMk id="16" creationId="{8F7C1A44-91D6-EBF0-AC80-AC151D6EF43A}"/>
          </ac:picMkLst>
        </pc:picChg>
      </pc:sldChg>
      <pc:sldChg chg="modSp mod">
        <pc:chgData name="N L" userId="a0f86321d7a7d29e" providerId="LiveId" clId="{7E3AEB80-306C-4531-8C7C-E028975F4F93}" dt="2024-10-20T06:48:14.633" v="578" actId="2711"/>
        <pc:sldMkLst>
          <pc:docMk/>
          <pc:sldMk cId="3795449471" sldId="274"/>
        </pc:sldMkLst>
        <pc:spChg chg="mod">
          <ac:chgData name="N L" userId="a0f86321d7a7d29e" providerId="LiveId" clId="{7E3AEB80-306C-4531-8C7C-E028975F4F93}" dt="2024-10-20T06:48:14.633" v="578" actId="2711"/>
          <ac:spMkLst>
            <pc:docMk/>
            <pc:sldMk cId="3795449471" sldId="274"/>
            <ac:spMk id="2" creationId="{84338A02-66E7-D4A9-0B63-EC7A4969F9A5}"/>
          </ac:spMkLst>
        </pc:spChg>
      </pc:sldChg>
      <pc:sldChg chg="modSp mod">
        <pc:chgData name="N L" userId="a0f86321d7a7d29e" providerId="LiveId" clId="{7E3AEB80-306C-4531-8C7C-E028975F4F93}" dt="2024-10-20T06:44:37.360" v="527" actId="2711"/>
        <pc:sldMkLst>
          <pc:docMk/>
          <pc:sldMk cId="4243237983" sldId="275"/>
        </pc:sldMkLst>
        <pc:spChg chg="mod">
          <ac:chgData name="N L" userId="a0f86321d7a7d29e" providerId="LiveId" clId="{7E3AEB80-306C-4531-8C7C-E028975F4F93}" dt="2024-10-20T06:44:37.360" v="527" actId="2711"/>
          <ac:spMkLst>
            <pc:docMk/>
            <pc:sldMk cId="4243237983" sldId="275"/>
            <ac:spMk id="19" creationId="{EFFCDB1C-3643-90FF-CFCB-186D32D7A3B6}"/>
          </ac:spMkLst>
        </pc:spChg>
      </pc:sldChg>
      <pc:sldChg chg="modSp mod">
        <pc:chgData name="N L" userId="a0f86321d7a7d29e" providerId="LiveId" clId="{7E3AEB80-306C-4531-8C7C-E028975F4F93}" dt="2024-10-20T06:42:45.581" v="518" actId="404"/>
        <pc:sldMkLst>
          <pc:docMk/>
          <pc:sldMk cId="1637666217" sldId="276"/>
        </pc:sldMkLst>
        <pc:spChg chg="mod">
          <ac:chgData name="N L" userId="a0f86321d7a7d29e" providerId="LiveId" clId="{7E3AEB80-306C-4531-8C7C-E028975F4F93}" dt="2024-10-20T06:42:34.007" v="517" actId="2711"/>
          <ac:spMkLst>
            <pc:docMk/>
            <pc:sldMk cId="1637666217" sldId="276"/>
            <ac:spMk id="2" creationId="{88591458-3602-B88D-69F2-536F2B2C1F17}"/>
          </ac:spMkLst>
        </pc:spChg>
        <pc:spChg chg="mod">
          <ac:chgData name="N L" userId="a0f86321d7a7d29e" providerId="LiveId" clId="{7E3AEB80-306C-4531-8C7C-E028975F4F93}" dt="2024-10-20T06:42:45.581" v="518" actId="404"/>
          <ac:spMkLst>
            <pc:docMk/>
            <pc:sldMk cId="1637666217" sldId="276"/>
            <ac:spMk id="3" creationId="{6B8BBEEA-9AE3-9AD1-DBF4-A2CC98EF1B9B}"/>
          </ac:spMkLst>
        </pc:spChg>
      </pc:sldChg>
      <pc:sldChg chg="modSp mod">
        <pc:chgData name="N L" userId="a0f86321d7a7d29e" providerId="LiveId" clId="{7E3AEB80-306C-4531-8C7C-E028975F4F93}" dt="2024-10-20T06:44:28.313" v="526" actId="404"/>
        <pc:sldMkLst>
          <pc:docMk/>
          <pc:sldMk cId="825552305" sldId="277"/>
        </pc:sldMkLst>
        <pc:spChg chg="mod">
          <ac:chgData name="N L" userId="a0f86321d7a7d29e" providerId="LiveId" clId="{7E3AEB80-306C-4531-8C7C-E028975F4F93}" dt="2024-10-20T06:44:23.994" v="525" actId="2711"/>
          <ac:spMkLst>
            <pc:docMk/>
            <pc:sldMk cId="825552305" sldId="277"/>
            <ac:spMk id="2" creationId="{941B97FD-7A7C-F5A7-82F8-E665F49E37A5}"/>
          </ac:spMkLst>
        </pc:spChg>
        <pc:spChg chg="mod">
          <ac:chgData name="N L" userId="a0f86321d7a7d29e" providerId="LiveId" clId="{7E3AEB80-306C-4531-8C7C-E028975F4F93}" dt="2024-10-20T06:44:28.313" v="526" actId="404"/>
          <ac:spMkLst>
            <pc:docMk/>
            <pc:sldMk cId="825552305" sldId="277"/>
            <ac:spMk id="3" creationId="{15C84BCC-0DB1-FDE0-3402-D7F5BF535CDB}"/>
          </ac:spMkLst>
        </pc:spChg>
      </pc:sldChg>
      <pc:sldChg chg="modSp mod">
        <pc:chgData name="N L" userId="a0f86321d7a7d29e" providerId="LiveId" clId="{7E3AEB80-306C-4531-8C7C-E028975F4F93}" dt="2024-10-20T06:47:59.341" v="577" actId="14100"/>
        <pc:sldMkLst>
          <pc:docMk/>
          <pc:sldMk cId="3776723221" sldId="278"/>
        </pc:sldMkLst>
        <pc:spChg chg="mod">
          <ac:chgData name="N L" userId="a0f86321d7a7d29e" providerId="LiveId" clId="{7E3AEB80-306C-4531-8C7C-E028975F4F93}" dt="2024-10-20T06:47:59.341" v="577" actId="14100"/>
          <ac:spMkLst>
            <pc:docMk/>
            <pc:sldMk cId="3776723221" sldId="278"/>
            <ac:spMk id="3" creationId="{32CF92AC-8569-4A47-3F95-774F6D1B6420}"/>
          </ac:spMkLst>
        </pc:spChg>
      </pc:sldChg>
      <pc:sldChg chg="modSp add mod">
        <pc:chgData name="N L" userId="a0f86321d7a7d29e" providerId="LiveId" clId="{7E3AEB80-306C-4531-8C7C-E028975F4F93}" dt="2024-10-20T06:41:29.184" v="511" actId="404"/>
        <pc:sldMkLst>
          <pc:docMk/>
          <pc:sldMk cId="0" sldId="279"/>
        </pc:sldMkLst>
        <pc:spChg chg="mod">
          <ac:chgData name="N L" userId="a0f86321d7a7d29e" providerId="LiveId" clId="{7E3AEB80-306C-4531-8C7C-E028975F4F93}" dt="2024-10-20T06:41:14.657" v="510" actId="1076"/>
          <ac:spMkLst>
            <pc:docMk/>
            <pc:sldMk cId="0" sldId="279"/>
            <ac:spMk id="8" creationId="{00000000-0000-0000-0000-000000000000}"/>
          </ac:spMkLst>
        </pc:spChg>
        <pc:spChg chg="mod">
          <ac:chgData name="N L" userId="a0f86321d7a7d29e" providerId="LiveId" clId="{7E3AEB80-306C-4531-8C7C-E028975F4F93}" dt="2024-10-20T06:41:29.184" v="511" actId="404"/>
          <ac:spMkLst>
            <pc:docMk/>
            <pc:sldMk cId="0" sldId="279"/>
            <ac:spMk id="87" creationId="{00000000-0000-0000-0000-000000000000}"/>
          </ac:spMkLst>
        </pc:spChg>
        <pc:spChg chg="mod">
          <ac:chgData name="N L" userId="a0f86321d7a7d29e" providerId="LiveId" clId="{7E3AEB80-306C-4531-8C7C-E028975F4F93}" dt="2024-10-20T06:03:55.343" v="504" actId="2711"/>
          <ac:spMkLst>
            <pc:docMk/>
            <pc:sldMk cId="0" sldId="279"/>
            <ac:spMk id="88" creationId="{00000000-0000-0000-0000-000000000000}"/>
          </ac:spMkLst>
        </pc:spChg>
        <pc:spChg chg="mod">
          <ac:chgData name="N L" userId="a0f86321d7a7d29e" providerId="LiveId" clId="{7E3AEB80-306C-4531-8C7C-E028975F4F93}" dt="2024-10-20T06:40:47.169" v="508" actId="27636"/>
          <ac:spMkLst>
            <pc:docMk/>
            <pc:sldMk cId="0" sldId="279"/>
            <ac:spMk id="90" creationId="{00000000-0000-0000-0000-000000000000}"/>
          </ac:spMkLst>
        </pc:spChg>
        <pc:spChg chg="mod">
          <ac:chgData name="N L" userId="a0f86321d7a7d29e" providerId="LiveId" clId="{7E3AEB80-306C-4531-8C7C-E028975F4F93}" dt="2024-10-20T06:03:27.165" v="500" actId="2711"/>
          <ac:spMkLst>
            <pc:docMk/>
            <pc:sldMk cId="0" sldId="279"/>
            <ac:spMk id="91" creationId="{00000000-0000-0000-0000-000000000000}"/>
          </ac:spMkLst>
        </pc:spChg>
        <pc:graphicFrameChg chg="mod modGraphic">
          <ac:chgData name="N L" userId="a0f86321d7a7d29e" providerId="LiveId" clId="{7E3AEB80-306C-4531-8C7C-E028975F4F93}" dt="2024-10-20T06:02:41.700" v="495" actId="14100"/>
          <ac:graphicFrameMkLst>
            <pc:docMk/>
            <pc:sldMk cId="0" sldId="279"/>
            <ac:graphicFrameMk id="89" creationId="{00000000-0000-0000-0000-000000000000}"/>
          </ac:graphicFrameMkLst>
        </pc:graphicFrameChg>
      </pc:sldChg>
    </pc:docChg>
  </pc:docChgLst>
  <pc:docChgLst>
    <pc:chgData name="N L" userId="a0f86321d7a7d29e" providerId="LiveId" clId="{3CC4F2E8-12F3-4014-832A-8DAE5FA413CD}"/>
    <pc:docChg chg="undo custSel addSld delSld modSld sldOrd">
      <pc:chgData name="N L" userId="a0f86321d7a7d29e" providerId="LiveId" clId="{3CC4F2E8-12F3-4014-832A-8DAE5FA413CD}" dt="2024-10-14T15:19:55.935" v="1150" actId="1076"/>
      <pc:docMkLst>
        <pc:docMk/>
      </pc:docMkLst>
      <pc:sldChg chg="addSp modSp mod">
        <pc:chgData name="N L" userId="a0f86321d7a7d29e" providerId="LiveId" clId="{3CC4F2E8-12F3-4014-832A-8DAE5FA413CD}" dt="2024-10-13T07:12:25.001" v="53" actId="20577"/>
        <pc:sldMkLst>
          <pc:docMk/>
          <pc:sldMk cId="3122649492" sldId="256"/>
        </pc:sldMkLst>
        <pc:spChg chg="mod">
          <ac:chgData name="N L" userId="a0f86321d7a7d29e" providerId="LiveId" clId="{3CC4F2E8-12F3-4014-832A-8DAE5FA413CD}" dt="2024-10-13T07:12:25.001" v="53" actId="20577"/>
          <ac:spMkLst>
            <pc:docMk/>
            <pc:sldMk cId="3122649492" sldId="256"/>
            <ac:spMk id="6" creationId="{00000000-0000-0000-0000-000000000000}"/>
          </ac:spMkLst>
        </pc:spChg>
        <pc:picChg chg="add mod modCrop">
          <ac:chgData name="N L" userId="a0f86321d7a7d29e" providerId="LiveId" clId="{3CC4F2E8-12F3-4014-832A-8DAE5FA413CD}" dt="2024-10-13T07:10:42.821" v="9" actId="732"/>
          <ac:picMkLst>
            <pc:docMk/>
            <pc:sldMk cId="3122649492" sldId="256"/>
            <ac:picMk id="7" creationId="{E4459D66-BF9F-5BC5-0346-7C5B93AF5713}"/>
          </ac:picMkLst>
        </pc:picChg>
      </pc:sldChg>
      <pc:sldChg chg="modSp mod">
        <pc:chgData name="N L" userId="a0f86321d7a7d29e" providerId="LiveId" clId="{3CC4F2E8-12F3-4014-832A-8DAE5FA413CD}" dt="2024-10-13T08:15:35.972" v="644" actId="20577"/>
        <pc:sldMkLst>
          <pc:docMk/>
          <pc:sldMk cId="3633487232" sldId="257"/>
        </pc:sldMkLst>
        <pc:spChg chg="mod">
          <ac:chgData name="N L" userId="a0f86321d7a7d29e" providerId="LiveId" clId="{3CC4F2E8-12F3-4014-832A-8DAE5FA413CD}" dt="2024-10-13T08:15:35.972" v="644" actId="20577"/>
          <ac:spMkLst>
            <pc:docMk/>
            <pc:sldMk cId="3633487232" sldId="257"/>
            <ac:spMk id="3" creationId="{00000000-0000-0000-0000-000000000000}"/>
          </ac:spMkLst>
        </pc:spChg>
      </pc:sldChg>
      <pc:sldChg chg="modSp mod">
        <pc:chgData name="N L" userId="a0f86321d7a7d29e" providerId="LiveId" clId="{3CC4F2E8-12F3-4014-832A-8DAE5FA413CD}" dt="2024-10-13T08:08:54.061" v="592" actId="27636"/>
        <pc:sldMkLst>
          <pc:docMk/>
          <pc:sldMk cId="3767711167" sldId="258"/>
        </pc:sldMkLst>
        <pc:spChg chg="mod">
          <ac:chgData name="N L" userId="a0f86321d7a7d29e" providerId="LiveId" clId="{3CC4F2E8-12F3-4014-832A-8DAE5FA413CD}" dt="2024-10-13T08:08:54.061" v="592" actId="27636"/>
          <ac:spMkLst>
            <pc:docMk/>
            <pc:sldMk cId="3767711167" sldId="258"/>
            <ac:spMk id="3" creationId="{00000000-0000-0000-0000-000000000000}"/>
          </ac:spMkLst>
        </pc:spChg>
      </pc:sldChg>
      <pc:sldChg chg="addSp delSp modSp mod">
        <pc:chgData name="N L" userId="a0f86321d7a7d29e" providerId="LiveId" clId="{3CC4F2E8-12F3-4014-832A-8DAE5FA413CD}" dt="2024-10-14T14:22:31.312" v="945" actId="255"/>
        <pc:sldMkLst>
          <pc:docMk/>
          <pc:sldMk cId="2659618667" sldId="259"/>
        </pc:sldMkLst>
        <pc:spChg chg="mod">
          <ac:chgData name="N L" userId="a0f86321d7a7d29e" providerId="LiveId" clId="{3CC4F2E8-12F3-4014-832A-8DAE5FA413CD}" dt="2024-10-13T07:30:19.332" v="196" actId="1076"/>
          <ac:spMkLst>
            <pc:docMk/>
            <pc:sldMk cId="2659618667" sldId="259"/>
            <ac:spMk id="2" creationId="{00000000-0000-0000-0000-000000000000}"/>
          </ac:spMkLst>
        </pc:spChg>
        <pc:spChg chg="del">
          <ac:chgData name="N L" userId="a0f86321d7a7d29e" providerId="LiveId" clId="{3CC4F2E8-12F3-4014-832A-8DAE5FA413CD}" dt="2024-10-13T07:14:59.423" v="75" actId="22"/>
          <ac:spMkLst>
            <pc:docMk/>
            <pc:sldMk cId="2659618667" sldId="259"/>
            <ac:spMk id="3" creationId="{00000000-0000-0000-0000-000000000000}"/>
          </ac:spMkLst>
        </pc:spChg>
        <pc:spChg chg="add del mod">
          <ac:chgData name="N L" userId="a0f86321d7a7d29e" providerId="LiveId" clId="{3CC4F2E8-12F3-4014-832A-8DAE5FA413CD}" dt="2024-10-13T07:17:31.231" v="97"/>
          <ac:spMkLst>
            <pc:docMk/>
            <pc:sldMk cId="2659618667" sldId="259"/>
            <ac:spMk id="9" creationId="{25D007DC-9B52-D256-4CED-727B6352F2AD}"/>
          </ac:spMkLst>
        </pc:spChg>
        <pc:spChg chg="add mod">
          <ac:chgData name="N L" userId="a0f86321d7a7d29e" providerId="LiveId" clId="{3CC4F2E8-12F3-4014-832A-8DAE5FA413CD}" dt="2024-10-13T07:17:28.642" v="96"/>
          <ac:spMkLst>
            <pc:docMk/>
            <pc:sldMk cId="2659618667" sldId="259"/>
            <ac:spMk id="12" creationId="{E8E4DB69-3AB8-3CB1-28DB-AF21C222868F}"/>
          </ac:spMkLst>
        </pc:spChg>
        <pc:spChg chg="add del mod">
          <ac:chgData name="N L" userId="a0f86321d7a7d29e" providerId="LiveId" clId="{3CC4F2E8-12F3-4014-832A-8DAE5FA413CD}" dt="2024-10-13T07:18:05.074" v="101"/>
          <ac:spMkLst>
            <pc:docMk/>
            <pc:sldMk cId="2659618667" sldId="259"/>
            <ac:spMk id="15" creationId="{27D74C16-0E4E-EEB3-49D6-A0AA192BE1B2}"/>
          </ac:spMkLst>
        </pc:spChg>
        <pc:graphicFrameChg chg="add mod">
          <ac:chgData name="N L" userId="a0f86321d7a7d29e" providerId="LiveId" clId="{3CC4F2E8-12F3-4014-832A-8DAE5FA413CD}" dt="2024-10-13T07:17:28.642" v="96"/>
          <ac:graphicFrameMkLst>
            <pc:docMk/>
            <pc:sldMk cId="2659618667" sldId="259"/>
            <ac:graphicFrameMk id="10" creationId="{5630EAE1-7D2A-2B90-9BCF-25A2100FA8C7}"/>
          </ac:graphicFrameMkLst>
        </pc:graphicFrameChg>
        <pc:graphicFrameChg chg="add mod">
          <ac:chgData name="N L" userId="a0f86321d7a7d29e" providerId="LiveId" clId="{3CC4F2E8-12F3-4014-832A-8DAE5FA413CD}" dt="2024-10-13T07:17:23.453" v="95"/>
          <ac:graphicFrameMkLst>
            <pc:docMk/>
            <pc:sldMk cId="2659618667" sldId="259"/>
            <ac:graphicFrameMk id="11" creationId="{CD322CC0-02C9-947C-CE80-F7F9E0B37ABC}"/>
          </ac:graphicFrameMkLst>
        </pc:graphicFrameChg>
        <pc:graphicFrameChg chg="add mod modGraphic">
          <ac:chgData name="N L" userId="a0f86321d7a7d29e" providerId="LiveId" clId="{3CC4F2E8-12F3-4014-832A-8DAE5FA413CD}" dt="2024-10-14T14:22:31.312" v="945" actId="255"/>
          <ac:graphicFrameMkLst>
            <pc:docMk/>
            <pc:sldMk cId="2659618667" sldId="259"/>
            <ac:graphicFrameMk id="13" creationId="{92B8A707-710B-8F59-CEB5-975B78AF4178}"/>
          </ac:graphicFrameMkLst>
        </pc:graphicFrameChg>
        <pc:graphicFrameChg chg="add del mod">
          <ac:chgData name="N L" userId="a0f86321d7a7d29e" providerId="LiveId" clId="{3CC4F2E8-12F3-4014-832A-8DAE5FA413CD}" dt="2024-10-13T07:19:22.415" v="106" actId="478"/>
          <ac:graphicFrameMkLst>
            <pc:docMk/>
            <pc:sldMk cId="2659618667" sldId="259"/>
            <ac:graphicFrameMk id="14" creationId="{821345D6-2CC5-FDFD-5847-35CA2A541022}"/>
          </ac:graphicFrameMkLst>
        </pc:graphicFrameChg>
        <pc:picChg chg="add del mod ord">
          <ac:chgData name="N L" userId="a0f86321d7a7d29e" providerId="LiveId" clId="{3CC4F2E8-12F3-4014-832A-8DAE5FA413CD}" dt="2024-10-13T07:15:55.523" v="85" actId="21"/>
          <ac:picMkLst>
            <pc:docMk/>
            <pc:sldMk cId="2659618667" sldId="259"/>
            <ac:picMk id="5" creationId="{06EAA3F4-F834-BADD-DFF5-FD17231D99BF}"/>
          </ac:picMkLst>
        </pc:picChg>
        <pc:picChg chg="add del mod">
          <ac:chgData name="N L" userId="a0f86321d7a7d29e" providerId="LiveId" clId="{3CC4F2E8-12F3-4014-832A-8DAE5FA413CD}" dt="2024-10-13T07:16:47.373" v="94" actId="21"/>
          <ac:picMkLst>
            <pc:docMk/>
            <pc:sldMk cId="2659618667" sldId="259"/>
            <ac:picMk id="7" creationId="{CECBAD26-AB83-A68A-5AFE-9B31DC1DCD32}"/>
          </ac:picMkLst>
        </pc:picChg>
      </pc:sldChg>
      <pc:sldChg chg="modSp mod">
        <pc:chgData name="N L" userId="a0f86321d7a7d29e" providerId="LiveId" clId="{3CC4F2E8-12F3-4014-832A-8DAE5FA413CD}" dt="2024-10-14T14:21:42.666" v="933" actId="404"/>
        <pc:sldMkLst>
          <pc:docMk/>
          <pc:sldMk cId="2666729557" sldId="260"/>
        </pc:sldMkLst>
        <pc:spChg chg="mod">
          <ac:chgData name="N L" userId="a0f86321d7a7d29e" providerId="LiveId" clId="{3CC4F2E8-12F3-4014-832A-8DAE5FA413CD}" dt="2024-10-14T14:21:42.666" v="933" actId="404"/>
          <ac:spMkLst>
            <pc:docMk/>
            <pc:sldMk cId="2666729557" sldId="260"/>
            <ac:spMk id="3" creationId="{00000000-0000-0000-0000-000000000000}"/>
          </ac:spMkLst>
        </pc:spChg>
      </pc:sldChg>
      <pc:sldChg chg="addSp delSp modSp mod">
        <pc:chgData name="N L" userId="a0f86321d7a7d29e" providerId="LiveId" clId="{3CC4F2E8-12F3-4014-832A-8DAE5FA413CD}" dt="2024-10-14T14:38:06.882" v="1095" actId="20577"/>
        <pc:sldMkLst>
          <pc:docMk/>
          <pc:sldMk cId="2314944744" sldId="261"/>
        </pc:sldMkLst>
        <pc:spChg chg="mod">
          <ac:chgData name="N L" userId="a0f86321d7a7d29e" providerId="LiveId" clId="{3CC4F2E8-12F3-4014-832A-8DAE5FA413CD}" dt="2024-10-14T14:38:06.882" v="1095" actId="20577"/>
          <ac:spMkLst>
            <pc:docMk/>
            <pc:sldMk cId="2314944744" sldId="261"/>
            <ac:spMk id="2" creationId="{00000000-0000-0000-0000-000000000000}"/>
          </ac:spMkLst>
        </pc:spChg>
        <pc:spChg chg="del">
          <ac:chgData name="N L" userId="a0f86321d7a7d29e" providerId="LiveId" clId="{3CC4F2E8-12F3-4014-832A-8DAE5FA413CD}" dt="2024-10-13T07:38:53.819" v="289"/>
          <ac:spMkLst>
            <pc:docMk/>
            <pc:sldMk cId="2314944744" sldId="261"/>
            <ac:spMk id="3" creationId="{00000000-0000-0000-0000-000000000000}"/>
          </ac:spMkLst>
        </pc:spChg>
        <pc:spChg chg="add mod">
          <ac:chgData name="N L" userId="a0f86321d7a7d29e" providerId="LiveId" clId="{3CC4F2E8-12F3-4014-832A-8DAE5FA413CD}" dt="2024-10-13T08:14:50.337" v="638" actId="2711"/>
          <ac:spMkLst>
            <pc:docMk/>
            <pc:sldMk cId="2314944744" sldId="261"/>
            <ac:spMk id="9" creationId="{354469EB-FC21-F10A-D71F-242C7F05CBBB}"/>
          </ac:spMkLst>
        </pc:spChg>
        <pc:picChg chg="add mod">
          <ac:chgData name="N L" userId="a0f86321d7a7d29e" providerId="LiveId" clId="{3CC4F2E8-12F3-4014-832A-8DAE5FA413CD}" dt="2024-10-13T07:41:00.344" v="307" actId="1076"/>
          <ac:picMkLst>
            <pc:docMk/>
            <pc:sldMk cId="2314944744" sldId="261"/>
            <ac:picMk id="5" creationId="{440DA5F1-FC9B-7091-68C3-8CF1561FA939}"/>
          </ac:picMkLst>
        </pc:picChg>
        <pc:picChg chg="add del mod">
          <ac:chgData name="N L" userId="a0f86321d7a7d29e" providerId="LiveId" clId="{3CC4F2E8-12F3-4014-832A-8DAE5FA413CD}" dt="2024-10-13T07:39:52.904" v="296" actId="21"/>
          <ac:picMkLst>
            <pc:docMk/>
            <pc:sldMk cId="2314944744" sldId="261"/>
            <ac:picMk id="7" creationId="{7439B663-30E7-701B-CBEF-E1F093A5CFCB}"/>
          </ac:picMkLst>
        </pc:picChg>
      </pc:sldChg>
      <pc:sldChg chg="addSp delSp del mod">
        <pc:chgData name="N L" userId="a0f86321d7a7d29e" providerId="LiveId" clId="{3CC4F2E8-12F3-4014-832A-8DAE5FA413CD}" dt="2024-10-14T14:29:44.296" v="1087" actId="2696"/>
        <pc:sldMkLst>
          <pc:docMk/>
          <pc:sldMk cId="3677332887" sldId="262"/>
        </pc:sldMkLst>
        <pc:spChg chg="add del">
          <ac:chgData name="N L" userId="a0f86321d7a7d29e" providerId="LiveId" clId="{3CC4F2E8-12F3-4014-832A-8DAE5FA413CD}" dt="2024-10-14T14:25:55.267" v="1025" actId="22"/>
          <ac:spMkLst>
            <pc:docMk/>
            <pc:sldMk cId="3677332887" sldId="262"/>
            <ac:spMk id="5" creationId="{60EF76B8-826A-1BF7-9E06-F1C6BA7F1FAB}"/>
          </ac:spMkLst>
        </pc:spChg>
      </pc:sldChg>
      <pc:sldChg chg="addSp delSp modSp new mod">
        <pc:chgData name="N L" userId="a0f86321d7a7d29e" providerId="LiveId" clId="{3CC4F2E8-12F3-4014-832A-8DAE5FA413CD}" dt="2024-10-13T07:30:30.834" v="198" actId="14100"/>
        <pc:sldMkLst>
          <pc:docMk/>
          <pc:sldMk cId="2987530027" sldId="267"/>
        </pc:sldMkLst>
        <pc:spChg chg="mod">
          <ac:chgData name="N L" userId="a0f86321d7a7d29e" providerId="LiveId" clId="{3CC4F2E8-12F3-4014-832A-8DAE5FA413CD}" dt="2024-10-13T07:20:56.761" v="121"/>
          <ac:spMkLst>
            <pc:docMk/>
            <pc:sldMk cId="2987530027" sldId="267"/>
            <ac:spMk id="2" creationId="{87EF43C9-E096-DA2E-459E-A4C8950150F7}"/>
          </ac:spMkLst>
        </pc:spChg>
        <pc:spChg chg="del">
          <ac:chgData name="N L" userId="a0f86321d7a7d29e" providerId="LiveId" clId="{3CC4F2E8-12F3-4014-832A-8DAE5FA413CD}" dt="2024-10-13T07:21:19.276" v="122"/>
          <ac:spMkLst>
            <pc:docMk/>
            <pc:sldMk cId="2987530027" sldId="267"/>
            <ac:spMk id="3" creationId="{2FD3E8E3-FAE8-3E25-CE68-5340F717918D}"/>
          </ac:spMkLst>
        </pc:spChg>
        <pc:graphicFrameChg chg="add mod modGraphic">
          <ac:chgData name="N L" userId="a0f86321d7a7d29e" providerId="LiveId" clId="{3CC4F2E8-12F3-4014-832A-8DAE5FA413CD}" dt="2024-10-13T07:30:30.834" v="198" actId="14100"/>
          <ac:graphicFrameMkLst>
            <pc:docMk/>
            <pc:sldMk cId="2987530027" sldId="267"/>
            <ac:graphicFrameMk id="4" creationId="{88D726A3-1BE6-2551-4985-FAAC7F3DF0E4}"/>
          </ac:graphicFrameMkLst>
        </pc:graphicFrameChg>
      </pc:sldChg>
      <pc:sldChg chg="addSp delSp modSp new del mod">
        <pc:chgData name="N L" userId="a0f86321d7a7d29e" providerId="LiveId" clId="{3CC4F2E8-12F3-4014-832A-8DAE5FA413CD}" dt="2024-10-14T14:12:12.525" v="806" actId="2696"/>
        <pc:sldMkLst>
          <pc:docMk/>
          <pc:sldMk cId="242363815" sldId="268"/>
        </pc:sldMkLst>
        <pc:spChg chg="mod">
          <ac:chgData name="N L" userId="a0f86321d7a7d29e" providerId="LiveId" clId="{3CC4F2E8-12F3-4014-832A-8DAE5FA413CD}" dt="2024-10-13T07:53:17.554" v="543" actId="1076"/>
          <ac:spMkLst>
            <pc:docMk/>
            <pc:sldMk cId="242363815" sldId="268"/>
            <ac:spMk id="3" creationId="{BBAF414D-745A-FBE1-F18F-5F754DA78C7A}"/>
          </ac:spMkLst>
        </pc:spChg>
        <pc:spChg chg="add del">
          <ac:chgData name="N L" userId="a0f86321d7a7d29e" providerId="LiveId" clId="{3CC4F2E8-12F3-4014-832A-8DAE5FA413CD}" dt="2024-10-13T07:50:20.882" v="503" actId="22"/>
          <ac:spMkLst>
            <pc:docMk/>
            <pc:sldMk cId="242363815" sldId="268"/>
            <ac:spMk id="5" creationId="{6627AE7A-7DE8-F303-B0ED-5B579EBB9DD7}"/>
          </ac:spMkLst>
        </pc:spChg>
        <pc:spChg chg="add del mod">
          <ac:chgData name="N L" userId="a0f86321d7a7d29e" providerId="LiveId" clId="{3CC4F2E8-12F3-4014-832A-8DAE5FA413CD}" dt="2024-10-13T07:55:50.620" v="566" actId="47"/>
          <ac:spMkLst>
            <pc:docMk/>
            <pc:sldMk cId="242363815" sldId="268"/>
            <ac:spMk id="19" creationId="{4EECBC1F-91EE-B5C2-FE42-4A82FB52BAFE}"/>
          </ac:spMkLst>
        </pc:spChg>
        <pc:picChg chg="add del mod">
          <ac:chgData name="N L" userId="a0f86321d7a7d29e" providerId="LiveId" clId="{3CC4F2E8-12F3-4014-832A-8DAE5FA413CD}" dt="2024-10-14T14:05:09.416" v="658" actId="21"/>
          <ac:picMkLst>
            <pc:docMk/>
            <pc:sldMk cId="242363815" sldId="268"/>
            <ac:picMk id="7" creationId="{7439B663-30E7-701B-CBEF-E1F093A5CFCB}"/>
          </ac:picMkLst>
        </pc:picChg>
        <pc:picChg chg="add del mod">
          <ac:chgData name="N L" userId="a0f86321d7a7d29e" providerId="LiveId" clId="{3CC4F2E8-12F3-4014-832A-8DAE5FA413CD}" dt="2024-10-13T07:51:49.033" v="526" actId="22"/>
          <ac:picMkLst>
            <pc:docMk/>
            <pc:sldMk cId="242363815" sldId="268"/>
            <ac:picMk id="8" creationId="{0606F4F6-4978-2E9C-5BE1-D1850F4AE8CC}"/>
          </ac:picMkLst>
        </pc:picChg>
        <pc:picChg chg="add del mod">
          <ac:chgData name="N L" userId="a0f86321d7a7d29e" providerId="LiveId" clId="{3CC4F2E8-12F3-4014-832A-8DAE5FA413CD}" dt="2024-10-13T07:51:43.552" v="519" actId="22"/>
          <ac:picMkLst>
            <pc:docMk/>
            <pc:sldMk cId="242363815" sldId="268"/>
            <ac:picMk id="10" creationId="{DBC2631B-B88C-F5F4-225D-DE812A0F6197}"/>
          </ac:picMkLst>
        </pc:picChg>
        <pc:picChg chg="add del">
          <ac:chgData name="N L" userId="a0f86321d7a7d29e" providerId="LiveId" clId="{3CC4F2E8-12F3-4014-832A-8DAE5FA413CD}" dt="2024-10-13T07:51:42.882" v="517" actId="22"/>
          <ac:picMkLst>
            <pc:docMk/>
            <pc:sldMk cId="242363815" sldId="268"/>
            <ac:picMk id="12" creationId="{60736FE0-E83E-2741-2814-6ACD849CA213}"/>
          </ac:picMkLst>
        </pc:picChg>
        <pc:picChg chg="add del mod">
          <ac:chgData name="N L" userId="a0f86321d7a7d29e" providerId="LiveId" clId="{3CC4F2E8-12F3-4014-832A-8DAE5FA413CD}" dt="2024-10-14T14:11:17.988" v="800" actId="21"/>
          <ac:picMkLst>
            <pc:docMk/>
            <pc:sldMk cId="242363815" sldId="268"/>
            <ac:picMk id="14" creationId="{1A29B2BF-462A-D167-3FCD-F302344032BB}"/>
          </ac:picMkLst>
        </pc:picChg>
        <pc:picChg chg="add del mod">
          <ac:chgData name="N L" userId="a0f86321d7a7d29e" providerId="LiveId" clId="{3CC4F2E8-12F3-4014-832A-8DAE5FA413CD}" dt="2024-10-14T14:11:10.084" v="798" actId="21"/>
          <ac:picMkLst>
            <pc:docMk/>
            <pc:sldMk cId="242363815" sldId="268"/>
            <ac:picMk id="16" creationId="{8F7C1A44-91D6-EBF0-AC80-AC151D6EF43A}"/>
          </ac:picMkLst>
        </pc:picChg>
        <pc:picChg chg="add del mod">
          <ac:chgData name="N L" userId="a0f86321d7a7d29e" providerId="LiveId" clId="{3CC4F2E8-12F3-4014-832A-8DAE5FA413CD}" dt="2024-10-14T14:10:41.807" v="788" actId="21"/>
          <ac:picMkLst>
            <pc:docMk/>
            <pc:sldMk cId="242363815" sldId="268"/>
            <ac:picMk id="18" creationId="{584BB164-BF22-F4F3-08AE-21EBFE74A7B2}"/>
          </ac:picMkLst>
        </pc:picChg>
        <pc:cxnChg chg="add mod ord">
          <ac:chgData name="N L" userId="a0f86321d7a7d29e" providerId="LiveId" clId="{3CC4F2E8-12F3-4014-832A-8DAE5FA413CD}" dt="2024-10-13T07:55:49.943" v="565" actId="1076"/>
          <ac:cxnSpMkLst>
            <pc:docMk/>
            <pc:sldMk cId="242363815" sldId="268"/>
            <ac:cxnSpMk id="21" creationId="{3C302CE1-9170-7F7D-1154-3BDEAA497029}"/>
          </ac:cxnSpMkLst>
        </pc:cxnChg>
      </pc:sldChg>
      <pc:sldChg chg="modSp add mod">
        <pc:chgData name="N L" userId="a0f86321d7a7d29e" providerId="LiveId" clId="{3CC4F2E8-12F3-4014-832A-8DAE5FA413CD}" dt="2024-10-14T14:23:30.504" v="947" actId="20577"/>
        <pc:sldMkLst>
          <pc:docMk/>
          <pc:sldMk cId="2856357337" sldId="268"/>
        </pc:sldMkLst>
        <pc:spChg chg="mod">
          <ac:chgData name="N L" userId="a0f86321d7a7d29e" providerId="LiveId" clId="{3CC4F2E8-12F3-4014-832A-8DAE5FA413CD}" dt="2024-10-14T14:23:30.504" v="947" actId="20577"/>
          <ac:spMkLst>
            <pc:docMk/>
            <pc:sldMk cId="2856357337" sldId="268"/>
            <ac:spMk id="5" creationId="{00000000-0000-0000-0000-000000000000}"/>
          </ac:spMkLst>
        </pc:spChg>
      </pc:sldChg>
      <pc:sldChg chg="addSp delSp modSp new mod">
        <pc:chgData name="N L" userId="a0f86321d7a7d29e" providerId="LiveId" clId="{3CC4F2E8-12F3-4014-832A-8DAE5FA413CD}" dt="2024-10-14T14:11:50.294" v="805" actId="21"/>
        <pc:sldMkLst>
          <pc:docMk/>
          <pc:sldMk cId="2249459520" sldId="269"/>
        </pc:sldMkLst>
        <pc:spChg chg="mod">
          <ac:chgData name="N L" userId="a0f86321d7a7d29e" providerId="LiveId" clId="{3CC4F2E8-12F3-4014-832A-8DAE5FA413CD}" dt="2024-10-14T14:04:59.785" v="657" actId="20577"/>
          <ac:spMkLst>
            <pc:docMk/>
            <pc:sldMk cId="2249459520" sldId="269"/>
            <ac:spMk id="2" creationId="{A49B28A5-9F1D-C1E9-3190-C6005FE0BEBF}"/>
          </ac:spMkLst>
        </pc:spChg>
        <pc:spChg chg="del">
          <ac:chgData name="N L" userId="a0f86321d7a7d29e" providerId="LiveId" clId="{3CC4F2E8-12F3-4014-832A-8DAE5FA413CD}" dt="2024-10-14T14:05:14.349" v="659"/>
          <ac:spMkLst>
            <pc:docMk/>
            <pc:sldMk cId="2249459520" sldId="269"/>
            <ac:spMk id="3" creationId="{CDD3DE88-55FE-DBD5-32E2-326D1DEC31EF}"/>
          </ac:spMkLst>
        </pc:spChg>
        <pc:spChg chg="add del mod">
          <ac:chgData name="N L" userId="a0f86321d7a7d29e" providerId="LiveId" clId="{3CC4F2E8-12F3-4014-832A-8DAE5FA413CD}" dt="2024-10-14T14:10:33.504" v="787"/>
          <ac:spMkLst>
            <pc:docMk/>
            <pc:sldMk cId="2249459520" sldId="269"/>
            <ac:spMk id="6" creationId="{712A0990-9B7D-93DE-7123-A9E9E4F9AD10}"/>
          </ac:spMkLst>
        </pc:spChg>
        <pc:spChg chg="add del mod">
          <ac:chgData name="N L" userId="a0f86321d7a7d29e" providerId="LiveId" clId="{3CC4F2E8-12F3-4014-832A-8DAE5FA413CD}" dt="2024-10-14T14:10:25.590" v="782" actId="22"/>
          <ac:spMkLst>
            <pc:docMk/>
            <pc:sldMk cId="2249459520" sldId="269"/>
            <ac:spMk id="8" creationId="{27E0347C-B9E1-2184-723B-EA3F955675B0}"/>
          </ac:spMkLst>
        </pc:spChg>
        <pc:picChg chg="add mod">
          <ac:chgData name="N L" userId="a0f86321d7a7d29e" providerId="LiveId" clId="{3CC4F2E8-12F3-4014-832A-8DAE5FA413CD}" dt="2024-10-14T14:06:47.984" v="662" actId="1076"/>
          <ac:picMkLst>
            <pc:docMk/>
            <pc:sldMk cId="2249459520" sldId="269"/>
            <ac:picMk id="4" creationId="{236AD45E-4817-4412-1CA0-8AACEF5574CE}"/>
          </ac:picMkLst>
        </pc:picChg>
        <pc:picChg chg="add mod">
          <ac:chgData name="N L" userId="a0f86321d7a7d29e" providerId="LiveId" clId="{3CC4F2E8-12F3-4014-832A-8DAE5FA413CD}" dt="2024-10-14T14:11:28.667" v="802" actId="1076"/>
          <ac:picMkLst>
            <pc:docMk/>
            <pc:sldMk cId="2249459520" sldId="269"/>
            <ac:picMk id="9" creationId="{BC01F914-575D-4E11-AEF5-FBA30556BBA9}"/>
          </ac:picMkLst>
        </pc:picChg>
        <pc:picChg chg="add mod">
          <ac:chgData name="N L" userId="a0f86321d7a7d29e" providerId="LiveId" clId="{3CC4F2E8-12F3-4014-832A-8DAE5FA413CD}" dt="2024-10-14T14:11:37.180" v="804" actId="1076"/>
          <ac:picMkLst>
            <pc:docMk/>
            <pc:sldMk cId="2249459520" sldId="269"/>
            <ac:picMk id="16" creationId="{8F7C1A44-91D6-EBF0-AC80-AC151D6EF43A}"/>
          </ac:picMkLst>
        </pc:picChg>
        <pc:picChg chg="add del mod">
          <ac:chgData name="N L" userId="a0f86321d7a7d29e" providerId="LiveId" clId="{3CC4F2E8-12F3-4014-832A-8DAE5FA413CD}" dt="2024-10-14T14:11:50.294" v="805" actId="21"/>
          <ac:picMkLst>
            <pc:docMk/>
            <pc:sldMk cId="2249459520" sldId="269"/>
            <ac:picMk id="18" creationId="{584BB164-BF22-F4F3-08AE-21EBFE74A7B2}"/>
          </ac:picMkLst>
        </pc:picChg>
      </pc:sldChg>
      <pc:sldChg chg="addSp modSp add mod ord">
        <pc:chgData name="N L" userId="a0f86321d7a7d29e" providerId="LiveId" clId="{3CC4F2E8-12F3-4014-832A-8DAE5FA413CD}" dt="2024-10-14T15:16:08.243" v="1130" actId="1076"/>
        <pc:sldMkLst>
          <pc:docMk/>
          <pc:sldMk cId="3795449471" sldId="274"/>
        </pc:sldMkLst>
        <pc:spChg chg="mod">
          <ac:chgData name="N L" userId="a0f86321d7a7d29e" providerId="LiveId" clId="{3CC4F2E8-12F3-4014-832A-8DAE5FA413CD}" dt="2024-10-14T15:15:34.428" v="1127" actId="14100"/>
          <ac:spMkLst>
            <pc:docMk/>
            <pc:sldMk cId="3795449471" sldId="274"/>
            <ac:spMk id="6" creationId="{EA944A2A-59CE-0D28-76C1-2B1B38111B31}"/>
          </ac:spMkLst>
        </pc:spChg>
        <pc:picChg chg="mod modCrop">
          <ac:chgData name="N L" userId="a0f86321d7a7d29e" providerId="LiveId" clId="{3CC4F2E8-12F3-4014-832A-8DAE5FA413CD}" dt="2024-10-14T15:15:48.631" v="1129" actId="14100"/>
          <ac:picMkLst>
            <pc:docMk/>
            <pc:sldMk cId="3795449471" sldId="274"/>
            <ac:picMk id="8" creationId="{90DEF78C-A0C4-EB04-02C4-4052E05259EB}"/>
          </ac:picMkLst>
        </pc:picChg>
        <pc:picChg chg="add mod">
          <ac:chgData name="N L" userId="a0f86321d7a7d29e" providerId="LiveId" clId="{3CC4F2E8-12F3-4014-832A-8DAE5FA413CD}" dt="2024-10-14T15:16:08.243" v="1130" actId="1076"/>
          <ac:picMkLst>
            <pc:docMk/>
            <pc:sldMk cId="3795449471" sldId="274"/>
            <ac:picMk id="1026" creationId="{1A469FF9-30A7-4AAB-0236-38D1992709FD}"/>
          </ac:picMkLst>
        </pc:picChg>
      </pc:sldChg>
      <pc:sldChg chg="addSp delSp modSp add mod">
        <pc:chgData name="N L" userId="a0f86321d7a7d29e" providerId="LiveId" clId="{3CC4F2E8-12F3-4014-832A-8DAE5FA413CD}" dt="2024-10-14T15:19:55.935" v="1150" actId="1076"/>
        <pc:sldMkLst>
          <pc:docMk/>
          <pc:sldMk cId="4243237983" sldId="275"/>
        </pc:sldMkLst>
        <pc:spChg chg="mod">
          <ac:chgData name="N L" userId="a0f86321d7a7d29e" providerId="LiveId" clId="{3CC4F2E8-12F3-4014-832A-8DAE5FA413CD}" dt="2024-10-14T14:28:14.406" v="1073" actId="1038"/>
          <ac:spMkLst>
            <pc:docMk/>
            <pc:sldMk cId="4243237983" sldId="275"/>
            <ac:spMk id="4" creationId="{C9E0FEC8-1706-6BFB-8AA7-059B89FC2A02}"/>
          </ac:spMkLst>
        </pc:spChg>
        <pc:spChg chg="mod">
          <ac:chgData name="N L" userId="a0f86321d7a7d29e" providerId="LiveId" clId="{3CC4F2E8-12F3-4014-832A-8DAE5FA413CD}" dt="2024-10-14T14:28:14.406" v="1073" actId="1038"/>
          <ac:spMkLst>
            <pc:docMk/>
            <pc:sldMk cId="4243237983" sldId="275"/>
            <ac:spMk id="5" creationId="{EE90D269-7460-FB52-FC33-2D076026F054}"/>
          </ac:spMkLst>
        </pc:spChg>
        <pc:spChg chg="mod">
          <ac:chgData name="N L" userId="a0f86321d7a7d29e" providerId="LiveId" clId="{3CC4F2E8-12F3-4014-832A-8DAE5FA413CD}" dt="2024-10-14T15:19:03.385" v="1143" actId="1076"/>
          <ac:spMkLst>
            <pc:docMk/>
            <pc:sldMk cId="4243237983" sldId="275"/>
            <ac:spMk id="6" creationId="{A5CA134D-870D-89FF-7A05-448F472A6E6C}"/>
          </ac:spMkLst>
        </pc:spChg>
        <pc:spChg chg="mod">
          <ac:chgData name="N L" userId="a0f86321d7a7d29e" providerId="LiveId" clId="{3CC4F2E8-12F3-4014-832A-8DAE5FA413CD}" dt="2024-10-14T15:19:07.967" v="1144" actId="1076"/>
          <ac:spMkLst>
            <pc:docMk/>
            <pc:sldMk cId="4243237983" sldId="275"/>
            <ac:spMk id="7" creationId="{569D8CA5-545D-1C92-C83D-428AB3091970}"/>
          </ac:spMkLst>
        </pc:spChg>
        <pc:spChg chg="mod">
          <ac:chgData name="N L" userId="a0f86321d7a7d29e" providerId="LiveId" clId="{3CC4F2E8-12F3-4014-832A-8DAE5FA413CD}" dt="2024-10-14T14:28:14.406" v="1073" actId="1038"/>
          <ac:spMkLst>
            <pc:docMk/>
            <pc:sldMk cId="4243237983" sldId="275"/>
            <ac:spMk id="8" creationId="{9CF99A73-2C2E-B4D4-FC6E-B84EE1C0AC26}"/>
          </ac:spMkLst>
        </pc:spChg>
        <pc:spChg chg="mod">
          <ac:chgData name="N L" userId="a0f86321d7a7d29e" providerId="LiveId" clId="{3CC4F2E8-12F3-4014-832A-8DAE5FA413CD}" dt="2024-10-14T14:28:14.406" v="1073" actId="1038"/>
          <ac:spMkLst>
            <pc:docMk/>
            <pc:sldMk cId="4243237983" sldId="275"/>
            <ac:spMk id="10" creationId="{1209A09F-26BD-F549-2351-425F8152B0C3}"/>
          </ac:spMkLst>
        </pc:spChg>
        <pc:spChg chg="mod">
          <ac:chgData name="N L" userId="a0f86321d7a7d29e" providerId="LiveId" clId="{3CC4F2E8-12F3-4014-832A-8DAE5FA413CD}" dt="2024-10-14T14:28:14.406" v="1073" actId="1038"/>
          <ac:spMkLst>
            <pc:docMk/>
            <pc:sldMk cId="4243237983" sldId="275"/>
            <ac:spMk id="12" creationId="{F63505CD-0F8E-DD3A-5A3B-40ED4B8FC591}"/>
          </ac:spMkLst>
        </pc:spChg>
        <pc:spChg chg="mod">
          <ac:chgData name="N L" userId="a0f86321d7a7d29e" providerId="LiveId" clId="{3CC4F2E8-12F3-4014-832A-8DAE5FA413CD}" dt="2024-10-14T14:28:14.406" v="1073" actId="1038"/>
          <ac:spMkLst>
            <pc:docMk/>
            <pc:sldMk cId="4243237983" sldId="275"/>
            <ac:spMk id="14" creationId="{DF376660-7852-8A34-D9E0-065C77C169D2}"/>
          </ac:spMkLst>
        </pc:spChg>
        <pc:spChg chg="mod">
          <ac:chgData name="N L" userId="a0f86321d7a7d29e" providerId="LiveId" clId="{3CC4F2E8-12F3-4014-832A-8DAE5FA413CD}" dt="2024-10-14T14:28:14.406" v="1073" actId="1038"/>
          <ac:spMkLst>
            <pc:docMk/>
            <pc:sldMk cId="4243237983" sldId="275"/>
            <ac:spMk id="16" creationId="{5D3CB792-1972-367B-E91D-585CF6DB82DB}"/>
          </ac:spMkLst>
        </pc:spChg>
        <pc:spChg chg="add mod">
          <ac:chgData name="N L" userId="a0f86321d7a7d29e" providerId="LiveId" clId="{3CC4F2E8-12F3-4014-832A-8DAE5FA413CD}" dt="2024-10-14T14:27:47.508" v="1042" actId="1076"/>
          <ac:spMkLst>
            <pc:docMk/>
            <pc:sldMk cId="4243237983" sldId="275"/>
            <ac:spMk id="19" creationId="{EFFCDB1C-3643-90FF-CFCB-186D32D7A3B6}"/>
          </ac:spMkLst>
        </pc:spChg>
        <pc:spChg chg="mod">
          <ac:chgData name="N L" userId="a0f86321d7a7d29e" providerId="LiveId" clId="{3CC4F2E8-12F3-4014-832A-8DAE5FA413CD}" dt="2024-10-14T15:19:39.044" v="1148" actId="1076"/>
          <ac:spMkLst>
            <pc:docMk/>
            <pc:sldMk cId="4243237983" sldId="275"/>
            <ac:spMk id="77" creationId="{18A2B8B8-259C-1226-123F-C752FFA16095}"/>
          </ac:spMkLst>
        </pc:spChg>
        <pc:spChg chg="mod">
          <ac:chgData name="N L" userId="a0f86321d7a7d29e" providerId="LiveId" clId="{3CC4F2E8-12F3-4014-832A-8DAE5FA413CD}" dt="2024-10-14T15:19:32.874" v="1147" actId="1076"/>
          <ac:spMkLst>
            <pc:docMk/>
            <pc:sldMk cId="4243237983" sldId="275"/>
            <ac:spMk id="78" creationId="{3D263E25-46BA-4472-99E7-1E5D69E57939}"/>
          </ac:spMkLst>
        </pc:spChg>
        <pc:spChg chg="mod">
          <ac:chgData name="N L" userId="a0f86321d7a7d29e" providerId="LiveId" clId="{3CC4F2E8-12F3-4014-832A-8DAE5FA413CD}" dt="2024-10-14T15:18:20.563" v="1135" actId="1076"/>
          <ac:spMkLst>
            <pc:docMk/>
            <pc:sldMk cId="4243237983" sldId="275"/>
            <ac:spMk id="79" creationId="{3F0062EA-161F-3888-12FE-03240B9F3FC8}"/>
          </ac:spMkLst>
        </pc:spChg>
        <pc:spChg chg="mod">
          <ac:chgData name="N L" userId="a0f86321d7a7d29e" providerId="LiveId" clId="{3CC4F2E8-12F3-4014-832A-8DAE5FA413CD}" dt="2024-10-14T14:28:14.406" v="1073" actId="1038"/>
          <ac:spMkLst>
            <pc:docMk/>
            <pc:sldMk cId="4243237983" sldId="275"/>
            <ac:spMk id="80" creationId="{82414552-C592-6372-7F67-46E0B8DCA84B}"/>
          </ac:spMkLst>
        </pc:spChg>
        <pc:spChg chg="mod">
          <ac:chgData name="N L" userId="a0f86321d7a7d29e" providerId="LiveId" clId="{3CC4F2E8-12F3-4014-832A-8DAE5FA413CD}" dt="2024-10-14T14:28:14.406" v="1073" actId="1038"/>
          <ac:spMkLst>
            <pc:docMk/>
            <pc:sldMk cId="4243237983" sldId="275"/>
            <ac:spMk id="81" creationId="{F30C2C8A-6134-B91D-5FCC-86FBB7D84B9C}"/>
          </ac:spMkLst>
        </pc:spChg>
        <pc:spChg chg="mod">
          <ac:chgData name="N L" userId="a0f86321d7a7d29e" providerId="LiveId" clId="{3CC4F2E8-12F3-4014-832A-8DAE5FA413CD}" dt="2024-10-14T14:28:14.406" v="1073" actId="1038"/>
          <ac:spMkLst>
            <pc:docMk/>
            <pc:sldMk cId="4243237983" sldId="275"/>
            <ac:spMk id="82" creationId="{D84DDC36-54CA-C530-3E72-17FCD5BCC352}"/>
          </ac:spMkLst>
        </pc:spChg>
        <pc:spChg chg="mod">
          <ac:chgData name="N L" userId="a0f86321d7a7d29e" providerId="LiveId" clId="{3CC4F2E8-12F3-4014-832A-8DAE5FA413CD}" dt="2024-10-14T15:19:24.120" v="1146" actId="1076"/>
          <ac:spMkLst>
            <pc:docMk/>
            <pc:sldMk cId="4243237983" sldId="275"/>
            <ac:spMk id="83" creationId="{392D7722-104E-B943-1189-51F7697EF2D5}"/>
          </ac:spMkLst>
        </pc:spChg>
        <pc:spChg chg="mod">
          <ac:chgData name="N L" userId="a0f86321d7a7d29e" providerId="LiveId" clId="{3CC4F2E8-12F3-4014-832A-8DAE5FA413CD}" dt="2024-10-14T15:19:19.950" v="1145" actId="1076"/>
          <ac:spMkLst>
            <pc:docMk/>
            <pc:sldMk cId="4243237983" sldId="275"/>
            <ac:spMk id="84" creationId="{9B9DB486-1815-BA4C-33F3-D1D602FA73AB}"/>
          </ac:spMkLst>
        </pc:spChg>
        <pc:spChg chg="mod">
          <ac:chgData name="N L" userId="a0f86321d7a7d29e" providerId="LiveId" clId="{3CC4F2E8-12F3-4014-832A-8DAE5FA413CD}" dt="2024-10-14T15:16:32.013" v="1131" actId="1076"/>
          <ac:spMkLst>
            <pc:docMk/>
            <pc:sldMk cId="4243237983" sldId="275"/>
            <ac:spMk id="85" creationId="{83E89B03-5B5F-6F46-F58E-5069636433DD}"/>
          </ac:spMkLst>
        </pc:spChg>
        <pc:spChg chg="mod">
          <ac:chgData name="N L" userId="a0f86321d7a7d29e" providerId="LiveId" clId="{3CC4F2E8-12F3-4014-832A-8DAE5FA413CD}" dt="2024-10-14T15:19:55.935" v="1150" actId="1076"/>
          <ac:spMkLst>
            <pc:docMk/>
            <pc:sldMk cId="4243237983" sldId="275"/>
            <ac:spMk id="86" creationId="{610C108E-9B75-DA0E-EC53-D768CC257C45}"/>
          </ac:spMkLst>
        </pc:spChg>
        <pc:spChg chg="mod">
          <ac:chgData name="N L" userId="a0f86321d7a7d29e" providerId="LiveId" clId="{3CC4F2E8-12F3-4014-832A-8DAE5FA413CD}" dt="2024-10-14T15:19:51.718" v="1149" actId="1076"/>
          <ac:spMkLst>
            <pc:docMk/>
            <pc:sldMk cId="4243237983" sldId="275"/>
            <ac:spMk id="87" creationId="{D96E33B4-165C-E0AF-C7A3-CEBEBF22EFCD}"/>
          </ac:spMkLst>
        </pc:spChg>
        <pc:spChg chg="mod">
          <ac:chgData name="N L" userId="a0f86321d7a7d29e" providerId="LiveId" clId="{3CC4F2E8-12F3-4014-832A-8DAE5FA413CD}" dt="2024-10-14T14:28:14.406" v="1073" actId="1038"/>
          <ac:spMkLst>
            <pc:docMk/>
            <pc:sldMk cId="4243237983" sldId="275"/>
            <ac:spMk id="88" creationId="{B2DC4196-9B1A-DBD2-3725-5D24D489D1F9}"/>
          </ac:spMkLst>
        </pc:spChg>
        <pc:spChg chg="mod">
          <ac:chgData name="N L" userId="a0f86321d7a7d29e" providerId="LiveId" clId="{3CC4F2E8-12F3-4014-832A-8DAE5FA413CD}" dt="2024-10-14T14:28:14.406" v="1073" actId="1038"/>
          <ac:spMkLst>
            <pc:docMk/>
            <pc:sldMk cId="4243237983" sldId="275"/>
            <ac:spMk id="89" creationId="{E6EF2464-94C4-2A00-82E8-04BCC8D6C21F}"/>
          </ac:spMkLst>
        </pc:spChg>
        <pc:spChg chg="mod">
          <ac:chgData name="N L" userId="a0f86321d7a7d29e" providerId="LiveId" clId="{3CC4F2E8-12F3-4014-832A-8DAE5FA413CD}" dt="2024-10-14T14:28:14.406" v="1073" actId="1038"/>
          <ac:spMkLst>
            <pc:docMk/>
            <pc:sldMk cId="4243237983" sldId="275"/>
            <ac:spMk id="94" creationId="{2CF66583-A9E4-DE8F-28BB-621958C06694}"/>
          </ac:spMkLst>
        </pc:spChg>
        <pc:spChg chg="mod">
          <ac:chgData name="N L" userId="a0f86321d7a7d29e" providerId="LiveId" clId="{3CC4F2E8-12F3-4014-832A-8DAE5FA413CD}" dt="2024-10-14T14:28:14.406" v="1073" actId="1038"/>
          <ac:spMkLst>
            <pc:docMk/>
            <pc:sldMk cId="4243237983" sldId="275"/>
            <ac:spMk id="95" creationId="{CF65CD79-EBA0-34AF-523E-E844FAC08421}"/>
          </ac:spMkLst>
        </pc:spChg>
        <pc:spChg chg="mod">
          <ac:chgData name="N L" userId="a0f86321d7a7d29e" providerId="LiveId" clId="{3CC4F2E8-12F3-4014-832A-8DAE5FA413CD}" dt="2024-10-14T14:29:28.788" v="1086" actId="1076"/>
          <ac:spMkLst>
            <pc:docMk/>
            <pc:sldMk cId="4243237983" sldId="275"/>
            <ac:spMk id="96" creationId="{51883E1F-F287-5E90-A9E6-8BF922A41D06}"/>
          </ac:spMkLst>
        </pc:spChg>
        <pc:spChg chg="mod">
          <ac:chgData name="N L" userId="a0f86321d7a7d29e" providerId="LiveId" clId="{3CC4F2E8-12F3-4014-832A-8DAE5FA413CD}" dt="2024-10-14T14:28:14.406" v="1073" actId="1038"/>
          <ac:spMkLst>
            <pc:docMk/>
            <pc:sldMk cId="4243237983" sldId="275"/>
            <ac:spMk id="97" creationId="{22594191-E348-21B0-F0BA-7DD10FD99BED}"/>
          </ac:spMkLst>
        </pc:spChg>
        <pc:spChg chg="mod">
          <ac:chgData name="N L" userId="a0f86321d7a7d29e" providerId="LiveId" clId="{3CC4F2E8-12F3-4014-832A-8DAE5FA413CD}" dt="2024-10-14T14:28:14.406" v="1073" actId="1038"/>
          <ac:spMkLst>
            <pc:docMk/>
            <pc:sldMk cId="4243237983" sldId="275"/>
            <ac:spMk id="102" creationId="{CEC6B11E-A4EF-5DAF-C69E-6895A2A02386}"/>
          </ac:spMkLst>
        </pc:spChg>
        <pc:spChg chg="mod">
          <ac:chgData name="N L" userId="a0f86321d7a7d29e" providerId="LiveId" clId="{3CC4F2E8-12F3-4014-832A-8DAE5FA413CD}" dt="2024-10-14T14:28:14.406" v="1073" actId="1038"/>
          <ac:spMkLst>
            <pc:docMk/>
            <pc:sldMk cId="4243237983" sldId="275"/>
            <ac:spMk id="103" creationId="{E9678488-3EE5-CCD1-0D3C-DEB6258E0811}"/>
          </ac:spMkLst>
        </pc:spChg>
        <pc:spChg chg="mod">
          <ac:chgData name="N L" userId="a0f86321d7a7d29e" providerId="LiveId" clId="{3CC4F2E8-12F3-4014-832A-8DAE5FA413CD}" dt="2024-10-14T14:28:34.503" v="1076" actId="1076"/>
          <ac:spMkLst>
            <pc:docMk/>
            <pc:sldMk cId="4243237983" sldId="275"/>
            <ac:spMk id="104" creationId="{D92FF4ED-84EA-08D6-95EB-04A9CC019897}"/>
          </ac:spMkLst>
        </pc:spChg>
        <pc:spChg chg="mod">
          <ac:chgData name="N L" userId="a0f86321d7a7d29e" providerId="LiveId" clId="{3CC4F2E8-12F3-4014-832A-8DAE5FA413CD}" dt="2024-10-14T14:28:14.406" v="1073" actId="1038"/>
          <ac:spMkLst>
            <pc:docMk/>
            <pc:sldMk cId="4243237983" sldId="275"/>
            <ac:spMk id="105" creationId="{571DEAB0-D934-4378-D358-1B726AFB6C38}"/>
          </ac:spMkLst>
        </pc:spChg>
        <pc:spChg chg="mod">
          <ac:chgData name="N L" userId="a0f86321d7a7d29e" providerId="LiveId" clId="{3CC4F2E8-12F3-4014-832A-8DAE5FA413CD}" dt="2024-10-14T14:28:14.406" v="1073" actId="1038"/>
          <ac:spMkLst>
            <pc:docMk/>
            <pc:sldMk cId="4243237983" sldId="275"/>
            <ac:spMk id="110" creationId="{2DD2FBFB-E5DE-9BD4-9762-0152D59759C4}"/>
          </ac:spMkLst>
        </pc:spChg>
        <pc:spChg chg="mod">
          <ac:chgData name="N L" userId="a0f86321d7a7d29e" providerId="LiveId" clId="{3CC4F2E8-12F3-4014-832A-8DAE5FA413CD}" dt="2024-10-14T14:28:14.406" v="1073" actId="1038"/>
          <ac:spMkLst>
            <pc:docMk/>
            <pc:sldMk cId="4243237983" sldId="275"/>
            <ac:spMk id="111" creationId="{F272CA32-04CA-5961-D0FE-6AEA0154B2A2}"/>
          </ac:spMkLst>
        </pc:spChg>
        <pc:spChg chg="mod">
          <ac:chgData name="N L" userId="a0f86321d7a7d29e" providerId="LiveId" clId="{3CC4F2E8-12F3-4014-832A-8DAE5FA413CD}" dt="2024-10-14T14:28:39.604" v="1077" actId="1076"/>
          <ac:spMkLst>
            <pc:docMk/>
            <pc:sldMk cId="4243237983" sldId="275"/>
            <ac:spMk id="112" creationId="{78967AE2-CA1C-CCC7-5370-23A8EC099757}"/>
          </ac:spMkLst>
        </pc:spChg>
        <pc:spChg chg="mod">
          <ac:chgData name="N L" userId="a0f86321d7a7d29e" providerId="LiveId" clId="{3CC4F2E8-12F3-4014-832A-8DAE5FA413CD}" dt="2024-10-14T14:28:14.406" v="1073" actId="1038"/>
          <ac:spMkLst>
            <pc:docMk/>
            <pc:sldMk cId="4243237983" sldId="275"/>
            <ac:spMk id="113" creationId="{66CF1558-9AFA-17C1-414B-1C3C7B3DA6C1}"/>
          </ac:spMkLst>
        </pc:spChg>
        <pc:spChg chg="mod">
          <ac:chgData name="N L" userId="a0f86321d7a7d29e" providerId="LiveId" clId="{3CC4F2E8-12F3-4014-832A-8DAE5FA413CD}" dt="2024-10-14T14:28:14.406" v="1073" actId="1038"/>
          <ac:spMkLst>
            <pc:docMk/>
            <pc:sldMk cId="4243237983" sldId="275"/>
            <ac:spMk id="118" creationId="{8E4D0575-C936-1496-632C-634640791AE9}"/>
          </ac:spMkLst>
        </pc:spChg>
        <pc:spChg chg="mod">
          <ac:chgData name="N L" userId="a0f86321d7a7d29e" providerId="LiveId" clId="{3CC4F2E8-12F3-4014-832A-8DAE5FA413CD}" dt="2024-10-14T14:28:14.406" v="1073" actId="1038"/>
          <ac:spMkLst>
            <pc:docMk/>
            <pc:sldMk cId="4243237983" sldId="275"/>
            <ac:spMk id="119" creationId="{E0326A11-3C09-4A74-670D-8D8146D5B947}"/>
          </ac:spMkLst>
        </pc:spChg>
        <pc:spChg chg="mod">
          <ac:chgData name="N L" userId="a0f86321d7a7d29e" providerId="LiveId" clId="{3CC4F2E8-12F3-4014-832A-8DAE5FA413CD}" dt="2024-10-14T14:28:47.709" v="1078" actId="1076"/>
          <ac:spMkLst>
            <pc:docMk/>
            <pc:sldMk cId="4243237983" sldId="275"/>
            <ac:spMk id="120" creationId="{5BDFF369-835E-5290-ED1A-E62995FEE66C}"/>
          </ac:spMkLst>
        </pc:spChg>
        <pc:spChg chg="mod">
          <ac:chgData name="N L" userId="a0f86321d7a7d29e" providerId="LiveId" clId="{3CC4F2E8-12F3-4014-832A-8DAE5FA413CD}" dt="2024-10-14T14:28:14.406" v="1073" actId="1038"/>
          <ac:spMkLst>
            <pc:docMk/>
            <pc:sldMk cId="4243237983" sldId="275"/>
            <ac:spMk id="121" creationId="{8536517C-B093-8E23-A89D-3A0DC694264B}"/>
          </ac:spMkLst>
        </pc:spChg>
        <pc:spChg chg="mod">
          <ac:chgData name="N L" userId="a0f86321d7a7d29e" providerId="LiveId" clId="{3CC4F2E8-12F3-4014-832A-8DAE5FA413CD}" dt="2024-10-14T14:28:14.406" v="1073" actId="1038"/>
          <ac:spMkLst>
            <pc:docMk/>
            <pc:sldMk cId="4243237983" sldId="275"/>
            <ac:spMk id="126" creationId="{D266D525-7BE8-85A1-0582-BE60BC1704FD}"/>
          </ac:spMkLst>
        </pc:spChg>
        <pc:spChg chg="mod">
          <ac:chgData name="N L" userId="a0f86321d7a7d29e" providerId="LiveId" clId="{3CC4F2E8-12F3-4014-832A-8DAE5FA413CD}" dt="2024-10-14T14:28:14.406" v="1073" actId="1038"/>
          <ac:spMkLst>
            <pc:docMk/>
            <pc:sldMk cId="4243237983" sldId="275"/>
            <ac:spMk id="127" creationId="{2E8C53A1-C738-30B3-8190-9B21EEC377A2}"/>
          </ac:spMkLst>
        </pc:spChg>
        <pc:spChg chg="mod">
          <ac:chgData name="N L" userId="a0f86321d7a7d29e" providerId="LiveId" clId="{3CC4F2E8-12F3-4014-832A-8DAE5FA413CD}" dt="2024-10-14T14:28:53.446" v="1079" actId="1076"/>
          <ac:spMkLst>
            <pc:docMk/>
            <pc:sldMk cId="4243237983" sldId="275"/>
            <ac:spMk id="128" creationId="{C2AA9EB9-24ED-FD87-E048-2374B6BCC0AE}"/>
          </ac:spMkLst>
        </pc:spChg>
        <pc:spChg chg="mod">
          <ac:chgData name="N L" userId="a0f86321d7a7d29e" providerId="LiveId" clId="{3CC4F2E8-12F3-4014-832A-8DAE5FA413CD}" dt="2024-10-14T14:28:14.406" v="1073" actId="1038"/>
          <ac:spMkLst>
            <pc:docMk/>
            <pc:sldMk cId="4243237983" sldId="275"/>
            <ac:spMk id="129" creationId="{CA767707-C6E4-EC09-C4B8-6B20972E535F}"/>
          </ac:spMkLst>
        </pc:spChg>
        <pc:spChg chg="mod">
          <ac:chgData name="N L" userId="a0f86321d7a7d29e" providerId="LiveId" clId="{3CC4F2E8-12F3-4014-832A-8DAE5FA413CD}" dt="2024-10-14T14:28:14.406" v="1073" actId="1038"/>
          <ac:spMkLst>
            <pc:docMk/>
            <pc:sldMk cId="4243237983" sldId="275"/>
            <ac:spMk id="134" creationId="{840A4293-971B-7AC3-D954-A8BDF77AE36C}"/>
          </ac:spMkLst>
        </pc:spChg>
        <pc:spChg chg="mod">
          <ac:chgData name="N L" userId="a0f86321d7a7d29e" providerId="LiveId" clId="{3CC4F2E8-12F3-4014-832A-8DAE5FA413CD}" dt="2024-10-14T14:28:14.406" v="1073" actId="1038"/>
          <ac:spMkLst>
            <pc:docMk/>
            <pc:sldMk cId="4243237983" sldId="275"/>
            <ac:spMk id="135" creationId="{76E0DC97-4954-EC72-A2B3-46DE21C36069}"/>
          </ac:spMkLst>
        </pc:spChg>
        <pc:spChg chg="mod">
          <ac:chgData name="N L" userId="a0f86321d7a7d29e" providerId="LiveId" clId="{3CC4F2E8-12F3-4014-832A-8DAE5FA413CD}" dt="2024-10-14T14:28:59.730" v="1080" actId="1076"/>
          <ac:spMkLst>
            <pc:docMk/>
            <pc:sldMk cId="4243237983" sldId="275"/>
            <ac:spMk id="136" creationId="{DE2593D2-6F9B-E354-8FD3-B15702A59086}"/>
          </ac:spMkLst>
        </pc:spChg>
        <pc:spChg chg="mod">
          <ac:chgData name="N L" userId="a0f86321d7a7d29e" providerId="LiveId" clId="{3CC4F2E8-12F3-4014-832A-8DAE5FA413CD}" dt="2024-10-14T14:28:14.406" v="1073" actId="1038"/>
          <ac:spMkLst>
            <pc:docMk/>
            <pc:sldMk cId="4243237983" sldId="275"/>
            <ac:spMk id="137" creationId="{D5FFD3C4-E6D5-CFEA-8EF5-F699283D39F4}"/>
          </ac:spMkLst>
        </pc:spChg>
        <pc:spChg chg="mod">
          <ac:chgData name="N L" userId="a0f86321d7a7d29e" providerId="LiveId" clId="{3CC4F2E8-12F3-4014-832A-8DAE5FA413CD}" dt="2024-10-14T14:28:14.406" v="1073" actId="1038"/>
          <ac:spMkLst>
            <pc:docMk/>
            <pc:sldMk cId="4243237983" sldId="275"/>
            <ac:spMk id="142" creationId="{1B9DA986-199D-2EF2-4A05-2E7FA9348168}"/>
          </ac:spMkLst>
        </pc:spChg>
        <pc:spChg chg="mod">
          <ac:chgData name="N L" userId="a0f86321d7a7d29e" providerId="LiveId" clId="{3CC4F2E8-12F3-4014-832A-8DAE5FA413CD}" dt="2024-10-14T14:28:14.406" v="1073" actId="1038"/>
          <ac:spMkLst>
            <pc:docMk/>
            <pc:sldMk cId="4243237983" sldId="275"/>
            <ac:spMk id="143" creationId="{8D990EA1-F24D-20EE-C25D-6AE56A8E0FBF}"/>
          </ac:spMkLst>
        </pc:spChg>
        <pc:spChg chg="mod">
          <ac:chgData name="N L" userId="a0f86321d7a7d29e" providerId="LiveId" clId="{3CC4F2E8-12F3-4014-832A-8DAE5FA413CD}" dt="2024-10-14T14:29:04.188" v="1081" actId="1076"/>
          <ac:spMkLst>
            <pc:docMk/>
            <pc:sldMk cId="4243237983" sldId="275"/>
            <ac:spMk id="144" creationId="{C654CD9A-803E-B78D-633C-56A65A55FD4D}"/>
          </ac:spMkLst>
        </pc:spChg>
        <pc:spChg chg="mod">
          <ac:chgData name="N L" userId="a0f86321d7a7d29e" providerId="LiveId" clId="{3CC4F2E8-12F3-4014-832A-8DAE5FA413CD}" dt="2024-10-14T14:28:14.406" v="1073" actId="1038"/>
          <ac:spMkLst>
            <pc:docMk/>
            <pc:sldMk cId="4243237983" sldId="275"/>
            <ac:spMk id="145" creationId="{1EACB070-ADF5-0E65-5B2E-ADADCCBE8730}"/>
          </ac:spMkLst>
        </pc:spChg>
        <pc:spChg chg="mod">
          <ac:chgData name="N L" userId="a0f86321d7a7d29e" providerId="LiveId" clId="{3CC4F2E8-12F3-4014-832A-8DAE5FA413CD}" dt="2024-10-14T14:28:14.406" v="1073" actId="1038"/>
          <ac:spMkLst>
            <pc:docMk/>
            <pc:sldMk cId="4243237983" sldId="275"/>
            <ac:spMk id="150" creationId="{6D9044B5-2E8C-A3B8-4191-0EF39506AE37}"/>
          </ac:spMkLst>
        </pc:spChg>
        <pc:spChg chg="mod">
          <ac:chgData name="N L" userId="a0f86321d7a7d29e" providerId="LiveId" clId="{3CC4F2E8-12F3-4014-832A-8DAE5FA413CD}" dt="2024-10-14T14:28:14.406" v="1073" actId="1038"/>
          <ac:spMkLst>
            <pc:docMk/>
            <pc:sldMk cId="4243237983" sldId="275"/>
            <ac:spMk id="151" creationId="{97687AF8-5CF5-ABEB-CB80-C904FF3D27C5}"/>
          </ac:spMkLst>
        </pc:spChg>
        <pc:spChg chg="mod">
          <ac:chgData name="N L" userId="a0f86321d7a7d29e" providerId="LiveId" clId="{3CC4F2E8-12F3-4014-832A-8DAE5FA413CD}" dt="2024-10-14T14:29:09.211" v="1082" actId="1076"/>
          <ac:spMkLst>
            <pc:docMk/>
            <pc:sldMk cId="4243237983" sldId="275"/>
            <ac:spMk id="152" creationId="{CFCCA4E2-2E77-B0EC-E114-F380B9D31573}"/>
          </ac:spMkLst>
        </pc:spChg>
        <pc:spChg chg="mod">
          <ac:chgData name="N L" userId="a0f86321d7a7d29e" providerId="LiveId" clId="{3CC4F2E8-12F3-4014-832A-8DAE5FA413CD}" dt="2024-10-14T14:28:14.406" v="1073" actId="1038"/>
          <ac:spMkLst>
            <pc:docMk/>
            <pc:sldMk cId="4243237983" sldId="275"/>
            <ac:spMk id="153" creationId="{484356A6-41A4-F7B6-D367-AE578B7FD838}"/>
          </ac:spMkLst>
        </pc:spChg>
        <pc:spChg chg="mod">
          <ac:chgData name="N L" userId="a0f86321d7a7d29e" providerId="LiveId" clId="{3CC4F2E8-12F3-4014-832A-8DAE5FA413CD}" dt="2024-10-14T14:28:14.406" v="1073" actId="1038"/>
          <ac:spMkLst>
            <pc:docMk/>
            <pc:sldMk cId="4243237983" sldId="275"/>
            <ac:spMk id="158" creationId="{E665FBCF-ACBC-9985-73E5-03CFD02EDFAF}"/>
          </ac:spMkLst>
        </pc:spChg>
        <pc:spChg chg="mod">
          <ac:chgData name="N L" userId="a0f86321d7a7d29e" providerId="LiveId" clId="{3CC4F2E8-12F3-4014-832A-8DAE5FA413CD}" dt="2024-10-14T14:28:14.406" v="1073" actId="1038"/>
          <ac:spMkLst>
            <pc:docMk/>
            <pc:sldMk cId="4243237983" sldId="275"/>
            <ac:spMk id="159" creationId="{99E9F94E-CA41-2FA0-CD09-9278105433E1}"/>
          </ac:spMkLst>
        </pc:spChg>
        <pc:spChg chg="mod">
          <ac:chgData name="N L" userId="a0f86321d7a7d29e" providerId="LiveId" clId="{3CC4F2E8-12F3-4014-832A-8DAE5FA413CD}" dt="2024-10-14T14:29:14.419" v="1083" actId="1076"/>
          <ac:spMkLst>
            <pc:docMk/>
            <pc:sldMk cId="4243237983" sldId="275"/>
            <ac:spMk id="160" creationId="{3AEE66CC-938F-F108-6A1D-9D30435285FF}"/>
          </ac:spMkLst>
        </pc:spChg>
        <pc:spChg chg="mod">
          <ac:chgData name="N L" userId="a0f86321d7a7d29e" providerId="LiveId" clId="{3CC4F2E8-12F3-4014-832A-8DAE5FA413CD}" dt="2024-10-14T14:28:14.406" v="1073" actId="1038"/>
          <ac:spMkLst>
            <pc:docMk/>
            <pc:sldMk cId="4243237983" sldId="275"/>
            <ac:spMk id="161" creationId="{5D95DE11-EC04-DFC5-B521-7A08518E6BCC}"/>
          </ac:spMkLst>
        </pc:spChg>
        <pc:spChg chg="mod">
          <ac:chgData name="N L" userId="a0f86321d7a7d29e" providerId="LiveId" clId="{3CC4F2E8-12F3-4014-832A-8DAE5FA413CD}" dt="2024-10-14T14:28:14.406" v="1073" actId="1038"/>
          <ac:spMkLst>
            <pc:docMk/>
            <pc:sldMk cId="4243237983" sldId="275"/>
            <ac:spMk id="166" creationId="{5BA37F0B-E0BD-6FB0-04BC-C61545C835A0}"/>
          </ac:spMkLst>
        </pc:spChg>
        <pc:spChg chg="mod">
          <ac:chgData name="N L" userId="a0f86321d7a7d29e" providerId="LiveId" clId="{3CC4F2E8-12F3-4014-832A-8DAE5FA413CD}" dt="2024-10-14T14:28:14.406" v="1073" actId="1038"/>
          <ac:spMkLst>
            <pc:docMk/>
            <pc:sldMk cId="4243237983" sldId="275"/>
            <ac:spMk id="167" creationId="{92C4BB95-7E40-9E21-1699-198DA34F5ABA}"/>
          </ac:spMkLst>
        </pc:spChg>
        <pc:spChg chg="mod">
          <ac:chgData name="N L" userId="a0f86321d7a7d29e" providerId="LiveId" clId="{3CC4F2E8-12F3-4014-832A-8DAE5FA413CD}" dt="2024-10-14T14:29:19.059" v="1084" actId="1076"/>
          <ac:spMkLst>
            <pc:docMk/>
            <pc:sldMk cId="4243237983" sldId="275"/>
            <ac:spMk id="168" creationId="{A446ABE3-BB88-7A8E-744A-DBD285CC892C}"/>
          </ac:spMkLst>
        </pc:spChg>
        <pc:spChg chg="mod">
          <ac:chgData name="N L" userId="a0f86321d7a7d29e" providerId="LiveId" clId="{3CC4F2E8-12F3-4014-832A-8DAE5FA413CD}" dt="2024-10-14T14:28:14.406" v="1073" actId="1038"/>
          <ac:spMkLst>
            <pc:docMk/>
            <pc:sldMk cId="4243237983" sldId="275"/>
            <ac:spMk id="169" creationId="{C62DBE28-E7D6-71D3-90EF-2DDC3D0045D3}"/>
          </ac:spMkLst>
        </pc:spChg>
        <pc:spChg chg="mod">
          <ac:chgData name="N L" userId="a0f86321d7a7d29e" providerId="LiveId" clId="{3CC4F2E8-12F3-4014-832A-8DAE5FA413CD}" dt="2024-10-14T14:28:14.406" v="1073" actId="1038"/>
          <ac:spMkLst>
            <pc:docMk/>
            <pc:sldMk cId="4243237983" sldId="275"/>
            <ac:spMk id="174" creationId="{D11E2746-0008-A4B6-C275-21DE4C32C352}"/>
          </ac:spMkLst>
        </pc:spChg>
        <pc:spChg chg="mod">
          <ac:chgData name="N L" userId="a0f86321d7a7d29e" providerId="LiveId" clId="{3CC4F2E8-12F3-4014-832A-8DAE5FA413CD}" dt="2024-10-14T14:28:14.406" v="1073" actId="1038"/>
          <ac:spMkLst>
            <pc:docMk/>
            <pc:sldMk cId="4243237983" sldId="275"/>
            <ac:spMk id="175" creationId="{7E983DB6-9611-8D23-7950-7BD5E24EB6B4}"/>
          </ac:spMkLst>
        </pc:spChg>
        <pc:spChg chg="mod">
          <ac:chgData name="N L" userId="a0f86321d7a7d29e" providerId="LiveId" clId="{3CC4F2E8-12F3-4014-832A-8DAE5FA413CD}" dt="2024-10-14T14:29:23.278" v="1085" actId="1076"/>
          <ac:spMkLst>
            <pc:docMk/>
            <pc:sldMk cId="4243237983" sldId="275"/>
            <ac:spMk id="176" creationId="{319BC6C9-F50F-FA65-8149-D4FD0CF32CB4}"/>
          </ac:spMkLst>
        </pc:spChg>
        <pc:spChg chg="del mod">
          <ac:chgData name="N L" userId="a0f86321d7a7d29e" providerId="LiveId" clId="{3CC4F2E8-12F3-4014-832A-8DAE5FA413CD}" dt="2024-10-14T14:26:36.030" v="1032"/>
          <ac:spMkLst>
            <pc:docMk/>
            <pc:sldMk cId="4243237983" sldId="275"/>
            <ac:spMk id="208" creationId="{E246E773-4F99-9084-5F37-CAC6853ADEA3}"/>
          </ac:spMkLst>
        </pc:spChg>
        <pc:cxnChg chg="mod">
          <ac:chgData name="N L" userId="a0f86321d7a7d29e" providerId="LiveId" clId="{3CC4F2E8-12F3-4014-832A-8DAE5FA413CD}" dt="2024-10-14T14:28:14.406" v="1073" actId="1038"/>
          <ac:cxnSpMkLst>
            <pc:docMk/>
            <pc:sldMk cId="4243237983" sldId="275"/>
            <ac:cxnSpMk id="9" creationId="{4F38C358-C1E4-9EF4-81E1-5AA26222A58F}"/>
          </ac:cxnSpMkLst>
        </pc:cxnChg>
        <pc:cxnChg chg="mod">
          <ac:chgData name="N L" userId="a0f86321d7a7d29e" providerId="LiveId" clId="{3CC4F2E8-12F3-4014-832A-8DAE5FA413CD}" dt="2024-10-14T14:28:14.406" v="1073" actId="1038"/>
          <ac:cxnSpMkLst>
            <pc:docMk/>
            <pc:sldMk cId="4243237983" sldId="275"/>
            <ac:cxnSpMk id="11" creationId="{83D4B946-4FF1-7945-1015-5A750EECF48D}"/>
          </ac:cxnSpMkLst>
        </pc:cxnChg>
        <pc:cxnChg chg="mod">
          <ac:chgData name="N L" userId="a0f86321d7a7d29e" providerId="LiveId" clId="{3CC4F2E8-12F3-4014-832A-8DAE5FA413CD}" dt="2024-10-14T14:28:14.406" v="1073" actId="1038"/>
          <ac:cxnSpMkLst>
            <pc:docMk/>
            <pc:sldMk cId="4243237983" sldId="275"/>
            <ac:cxnSpMk id="13" creationId="{E76C0DA2-CCB6-37E5-67D0-7F73397FFD1F}"/>
          </ac:cxnSpMkLst>
        </pc:cxnChg>
        <pc:cxnChg chg="mod">
          <ac:chgData name="N L" userId="a0f86321d7a7d29e" providerId="LiveId" clId="{3CC4F2E8-12F3-4014-832A-8DAE5FA413CD}" dt="2024-10-14T14:28:14.406" v="1073" actId="1038"/>
          <ac:cxnSpMkLst>
            <pc:docMk/>
            <pc:sldMk cId="4243237983" sldId="275"/>
            <ac:cxnSpMk id="15" creationId="{9ED03752-2AD9-F91F-3E1C-0F0E93D94A64}"/>
          </ac:cxnSpMkLst>
        </pc:cxnChg>
        <pc:cxnChg chg="del">
          <ac:chgData name="N L" userId="a0f86321d7a7d29e" providerId="LiveId" clId="{3CC4F2E8-12F3-4014-832A-8DAE5FA413CD}" dt="2024-10-14T14:26:40.500" v="1033" actId="21"/>
          <ac:cxnSpMkLst>
            <pc:docMk/>
            <pc:sldMk cId="4243237983" sldId="275"/>
            <ac:cxnSpMk id="18" creationId="{3E2438DA-7BE4-C8F5-D9D4-0ADFB4869BE1}"/>
          </ac:cxnSpMkLst>
        </pc:cxnChg>
        <pc:cxnChg chg="mod">
          <ac:chgData name="N L" userId="a0f86321d7a7d29e" providerId="LiveId" clId="{3CC4F2E8-12F3-4014-832A-8DAE5FA413CD}" dt="2024-10-14T14:28:14.406" v="1073" actId="1038"/>
          <ac:cxnSpMkLst>
            <pc:docMk/>
            <pc:sldMk cId="4243237983" sldId="275"/>
            <ac:cxnSpMk id="25" creationId="{87CD9656-2334-5288-C1EE-1CDD0FF1D7D1}"/>
          </ac:cxnSpMkLst>
        </pc:cxnChg>
        <pc:cxnChg chg="mod">
          <ac:chgData name="N L" userId="a0f86321d7a7d29e" providerId="LiveId" clId="{3CC4F2E8-12F3-4014-832A-8DAE5FA413CD}" dt="2024-10-14T14:28:14.406" v="1073" actId="1038"/>
          <ac:cxnSpMkLst>
            <pc:docMk/>
            <pc:sldMk cId="4243237983" sldId="275"/>
            <ac:cxnSpMk id="26" creationId="{EA2BA35A-8769-0BFC-C87B-1C07F9C2B5D5}"/>
          </ac:cxnSpMkLst>
        </pc:cxnChg>
        <pc:cxnChg chg="mod">
          <ac:chgData name="N L" userId="a0f86321d7a7d29e" providerId="LiveId" clId="{3CC4F2E8-12F3-4014-832A-8DAE5FA413CD}" dt="2024-10-14T14:28:14.406" v="1073" actId="1038"/>
          <ac:cxnSpMkLst>
            <pc:docMk/>
            <pc:sldMk cId="4243237983" sldId="275"/>
            <ac:cxnSpMk id="27" creationId="{8517717D-3BF3-E396-32F4-0FAF4A3B306F}"/>
          </ac:cxnSpMkLst>
        </pc:cxnChg>
        <pc:cxnChg chg="mod">
          <ac:chgData name="N L" userId="a0f86321d7a7d29e" providerId="LiveId" clId="{3CC4F2E8-12F3-4014-832A-8DAE5FA413CD}" dt="2024-10-14T14:28:14.406" v="1073" actId="1038"/>
          <ac:cxnSpMkLst>
            <pc:docMk/>
            <pc:sldMk cId="4243237983" sldId="275"/>
            <ac:cxnSpMk id="28" creationId="{AC6AC116-4DE0-27BE-2375-ECF198222CBE}"/>
          </ac:cxnSpMkLst>
        </pc:cxnChg>
        <pc:cxnChg chg="mod">
          <ac:chgData name="N L" userId="a0f86321d7a7d29e" providerId="LiveId" clId="{3CC4F2E8-12F3-4014-832A-8DAE5FA413CD}" dt="2024-10-14T14:28:14.406" v="1073" actId="1038"/>
          <ac:cxnSpMkLst>
            <pc:docMk/>
            <pc:sldMk cId="4243237983" sldId="275"/>
            <ac:cxnSpMk id="29" creationId="{61845032-6BCF-ACCF-770C-06BC266223C4}"/>
          </ac:cxnSpMkLst>
        </pc:cxnChg>
        <pc:cxnChg chg="mod">
          <ac:chgData name="N L" userId="a0f86321d7a7d29e" providerId="LiveId" clId="{3CC4F2E8-12F3-4014-832A-8DAE5FA413CD}" dt="2024-10-14T14:28:14.406" v="1073" actId="1038"/>
          <ac:cxnSpMkLst>
            <pc:docMk/>
            <pc:sldMk cId="4243237983" sldId="275"/>
            <ac:cxnSpMk id="30" creationId="{EA14BB63-0664-E8ED-B17F-8A4635D27950}"/>
          </ac:cxnSpMkLst>
        </pc:cxnChg>
        <pc:cxnChg chg="mod">
          <ac:chgData name="N L" userId="a0f86321d7a7d29e" providerId="LiveId" clId="{3CC4F2E8-12F3-4014-832A-8DAE5FA413CD}" dt="2024-10-14T14:28:14.406" v="1073" actId="1038"/>
          <ac:cxnSpMkLst>
            <pc:docMk/>
            <pc:sldMk cId="4243237983" sldId="275"/>
            <ac:cxnSpMk id="31" creationId="{B132E140-89CB-2F93-4F99-4F4B77A025A2}"/>
          </ac:cxnSpMkLst>
        </pc:cxnChg>
        <pc:cxnChg chg="mod">
          <ac:chgData name="N L" userId="a0f86321d7a7d29e" providerId="LiveId" clId="{3CC4F2E8-12F3-4014-832A-8DAE5FA413CD}" dt="2024-10-14T14:28:14.406" v="1073" actId="1038"/>
          <ac:cxnSpMkLst>
            <pc:docMk/>
            <pc:sldMk cId="4243237983" sldId="275"/>
            <ac:cxnSpMk id="32" creationId="{0022B778-E507-DD67-D6C4-375605DB0750}"/>
          </ac:cxnSpMkLst>
        </pc:cxnChg>
        <pc:cxnChg chg="mod">
          <ac:chgData name="N L" userId="a0f86321d7a7d29e" providerId="LiveId" clId="{3CC4F2E8-12F3-4014-832A-8DAE5FA413CD}" dt="2024-10-14T14:28:14.406" v="1073" actId="1038"/>
          <ac:cxnSpMkLst>
            <pc:docMk/>
            <pc:sldMk cId="4243237983" sldId="275"/>
            <ac:cxnSpMk id="33" creationId="{1FF98656-DAEA-99AF-1069-C3235D9F382C}"/>
          </ac:cxnSpMkLst>
        </pc:cxnChg>
        <pc:cxnChg chg="mod">
          <ac:chgData name="N L" userId="a0f86321d7a7d29e" providerId="LiveId" clId="{3CC4F2E8-12F3-4014-832A-8DAE5FA413CD}" dt="2024-10-14T14:28:14.406" v="1073" actId="1038"/>
          <ac:cxnSpMkLst>
            <pc:docMk/>
            <pc:sldMk cId="4243237983" sldId="275"/>
            <ac:cxnSpMk id="34" creationId="{81436CA6-A4BA-0876-AEE9-8224C62AB4F8}"/>
          </ac:cxnSpMkLst>
        </pc:cxnChg>
        <pc:cxnChg chg="mod">
          <ac:chgData name="N L" userId="a0f86321d7a7d29e" providerId="LiveId" clId="{3CC4F2E8-12F3-4014-832A-8DAE5FA413CD}" dt="2024-10-14T14:28:14.406" v="1073" actId="1038"/>
          <ac:cxnSpMkLst>
            <pc:docMk/>
            <pc:sldMk cId="4243237983" sldId="275"/>
            <ac:cxnSpMk id="35" creationId="{136CA7D7-9425-0109-26B9-AE9D85CC520E}"/>
          </ac:cxnSpMkLst>
        </pc:cxnChg>
        <pc:cxnChg chg="mod">
          <ac:chgData name="N L" userId="a0f86321d7a7d29e" providerId="LiveId" clId="{3CC4F2E8-12F3-4014-832A-8DAE5FA413CD}" dt="2024-10-14T14:28:14.406" v="1073" actId="1038"/>
          <ac:cxnSpMkLst>
            <pc:docMk/>
            <pc:sldMk cId="4243237983" sldId="275"/>
            <ac:cxnSpMk id="47" creationId="{E3215E56-A636-DFEF-1AD4-66368ED85126}"/>
          </ac:cxnSpMkLst>
        </pc:cxnChg>
        <pc:cxnChg chg="mod">
          <ac:chgData name="N L" userId="a0f86321d7a7d29e" providerId="LiveId" clId="{3CC4F2E8-12F3-4014-832A-8DAE5FA413CD}" dt="2024-10-14T14:28:14.406" v="1073" actId="1038"/>
          <ac:cxnSpMkLst>
            <pc:docMk/>
            <pc:sldMk cId="4243237983" sldId="275"/>
            <ac:cxnSpMk id="53" creationId="{5EDA6178-E8CB-7784-E189-B1F3B16C5748}"/>
          </ac:cxnSpMkLst>
        </pc:cxnChg>
        <pc:cxnChg chg="mod">
          <ac:chgData name="N L" userId="a0f86321d7a7d29e" providerId="LiveId" clId="{3CC4F2E8-12F3-4014-832A-8DAE5FA413CD}" dt="2024-10-14T14:28:14.406" v="1073" actId="1038"/>
          <ac:cxnSpMkLst>
            <pc:docMk/>
            <pc:sldMk cId="4243237983" sldId="275"/>
            <ac:cxnSpMk id="63" creationId="{F43F7298-24E8-BF73-96CE-2ADA0C106809}"/>
          </ac:cxnSpMkLst>
        </pc:cxnChg>
        <pc:cxnChg chg="mod">
          <ac:chgData name="N L" userId="a0f86321d7a7d29e" providerId="LiveId" clId="{3CC4F2E8-12F3-4014-832A-8DAE5FA413CD}" dt="2024-10-14T14:28:14.406" v="1073" actId="1038"/>
          <ac:cxnSpMkLst>
            <pc:docMk/>
            <pc:sldMk cId="4243237983" sldId="275"/>
            <ac:cxnSpMk id="64" creationId="{101277BB-3F38-9E0C-2BA9-CB91FA13819C}"/>
          </ac:cxnSpMkLst>
        </pc:cxnChg>
        <pc:cxnChg chg="mod">
          <ac:chgData name="N L" userId="a0f86321d7a7d29e" providerId="LiveId" clId="{3CC4F2E8-12F3-4014-832A-8DAE5FA413CD}" dt="2024-10-14T14:28:14.406" v="1073" actId="1038"/>
          <ac:cxnSpMkLst>
            <pc:docMk/>
            <pc:sldMk cId="4243237983" sldId="275"/>
            <ac:cxnSpMk id="177" creationId="{C070D792-1912-DDA3-EBB5-03752E8804F2}"/>
          </ac:cxnSpMkLst>
        </pc:cxnChg>
        <pc:cxnChg chg="mod">
          <ac:chgData name="N L" userId="a0f86321d7a7d29e" providerId="LiveId" clId="{3CC4F2E8-12F3-4014-832A-8DAE5FA413CD}" dt="2024-10-14T14:28:14.406" v="1073" actId="1038"/>
          <ac:cxnSpMkLst>
            <pc:docMk/>
            <pc:sldMk cId="4243237983" sldId="275"/>
            <ac:cxnSpMk id="178" creationId="{BE609B85-1153-B38E-784D-0FE6679438DF}"/>
          </ac:cxnSpMkLst>
        </pc:cxnChg>
        <pc:cxnChg chg="mod">
          <ac:chgData name="N L" userId="a0f86321d7a7d29e" providerId="LiveId" clId="{3CC4F2E8-12F3-4014-832A-8DAE5FA413CD}" dt="2024-10-14T14:28:14.406" v="1073" actId="1038"/>
          <ac:cxnSpMkLst>
            <pc:docMk/>
            <pc:sldMk cId="4243237983" sldId="275"/>
            <ac:cxnSpMk id="179" creationId="{D7E4B698-AD0F-296A-9243-527326AD30AC}"/>
          </ac:cxnSpMkLst>
        </pc:cxnChg>
        <pc:cxnChg chg="mod">
          <ac:chgData name="N L" userId="a0f86321d7a7d29e" providerId="LiveId" clId="{3CC4F2E8-12F3-4014-832A-8DAE5FA413CD}" dt="2024-10-14T14:28:14.406" v="1073" actId="1038"/>
          <ac:cxnSpMkLst>
            <pc:docMk/>
            <pc:sldMk cId="4243237983" sldId="275"/>
            <ac:cxnSpMk id="180" creationId="{438A20CE-B1B6-2F7C-BD14-D8ABCD342528}"/>
          </ac:cxnSpMkLst>
        </pc:cxnChg>
        <pc:cxnChg chg="mod">
          <ac:chgData name="N L" userId="a0f86321d7a7d29e" providerId="LiveId" clId="{3CC4F2E8-12F3-4014-832A-8DAE5FA413CD}" dt="2024-10-14T14:28:14.406" v="1073" actId="1038"/>
          <ac:cxnSpMkLst>
            <pc:docMk/>
            <pc:sldMk cId="4243237983" sldId="275"/>
            <ac:cxnSpMk id="181" creationId="{912B2216-80A6-F2F9-5261-8CEA412E4D55}"/>
          </ac:cxnSpMkLst>
        </pc:cxnChg>
        <pc:cxnChg chg="mod">
          <ac:chgData name="N L" userId="a0f86321d7a7d29e" providerId="LiveId" clId="{3CC4F2E8-12F3-4014-832A-8DAE5FA413CD}" dt="2024-10-14T14:28:14.406" v="1073" actId="1038"/>
          <ac:cxnSpMkLst>
            <pc:docMk/>
            <pc:sldMk cId="4243237983" sldId="275"/>
            <ac:cxnSpMk id="182" creationId="{72D11FC3-B6EA-4ACD-6F6A-B0B0864F4871}"/>
          </ac:cxnSpMkLst>
        </pc:cxnChg>
        <pc:cxnChg chg="mod">
          <ac:chgData name="N L" userId="a0f86321d7a7d29e" providerId="LiveId" clId="{3CC4F2E8-12F3-4014-832A-8DAE5FA413CD}" dt="2024-10-14T14:28:14.406" v="1073" actId="1038"/>
          <ac:cxnSpMkLst>
            <pc:docMk/>
            <pc:sldMk cId="4243237983" sldId="275"/>
            <ac:cxnSpMk id="183" creationId="{04D46427-23FF-0513-5DBD-5AC2300CF2B7}"/>
          </ac:cxnSpMkLst>
        </pc:cxnChg>
        <pc:cxnChg chg="mod">
          <ac:chgData name="N L" userId="a0f86321d7a7d29e" providerId="LiveId" clId="{3CC4F2E8-12F3-4014-832A-8DAE5FA413CD}" dt="2024-10-14T14:28:14.406" v="1073" actId="1038"/>
          <ac:cxnSpMkLst>
            <pc:docMk/>
            <pc:sldMk cId="4243237983" sldId="275"/>
            <ac:cxnSpMk id="184" creationId="{1C91E194-75DF-5432-7CAB-A9D1F7AF0AF8}"/>
          </ac:cxnSpMkLst>
        </pc:cxnChg>
        <pc:cxnChg chg="mod">
          <ac:chgData name="N L" userId="a0f86321d7a7d29e" providerId="LiveId" clId="{3CC4F2E8-12F3-4014-832A-8DAE5FA413CD}" dt="2024-10-14T14:28:14.406" v="1073" actId="1038"/>
          <ac:cxnSpMkLst>
            <pc:docMk/>
            <pc:sldMk cId="4243237983" sldId="275"/>
            <ac:cxnSpMk id="185" creationId="{387C94ED-AF27-24B1-D370-01A1F92CCA18}"/>
          </ac:cxnSpMkLst>
        </pc:cxnChg>
        <pc:cxnChg chg="mod">
          <ac:chgData name="N L" userId="a0f86321d7a7d29e" providerId="LiveId" clId="{3CC4F2E8-12F3-4014-832A-8DAE5FA413CD}" dt="2024-10-14T14:28:14.406" v="1073" actId="1038"/>
          <ac:cxnSpMkLst>
            <pc:docMk/>
            <pc:sldMk cId="4243237983" sldId="275"/>
            <ac:cxnSpMk id="186" creationId="{C3BE21EB-89C5-571A-2D21-3115392BC3A3}"/>
          </ac:cxnSpMkLst>
        </pc:cxnChg>
        <pc:cxnChg chg="mod">
          <ac:chgData name="N L" userId="a0f86321d7a7d29e" providerId="LiveId" clId="{3CC4F2E8-12F3-4014-832A-8DAE5FA413CD}" dt="2024-10-14T14:28:14.406" v="1073" actId="1038"/>
          <ac:cxnSpMkLst>
            <pc:docMk/>
            <pc:sldMk cId="4243237983" sldId="275"/>
            <ac:cxnSpMk id="187" creationId="{5C98279F-F3A9-EC9A-C333-80D4EF82B5FB}"/>
          </ac:cxnSpMkLst>
        </pc:cxnChg>
        <pc:cxnChg chg="mod">
          <ac:chgData name="N L" userId="a0f86321d7a7d29e" providerId="LiveId" clId="{3CC4F2E8-12F3-4014-832A-8DAE5FA413CD}" dt="2024-10-14T14:28:14.406" v="1073" actId="1038"/>
          <ac:cxnSpMkLst>
            <pc:docMk/>
            <pc:sldMk cId="4243237983" sldId="275"/>
            <ac:cxnSpMk id="188" creationId="{E2E0BF45-B2D3-FC11-ECD8-F84B19F79E24}"/>
          </ac:cxnSpMkLst>
        </pc:cxnChg>
        <pc:cxnChg chg="mod">
          <ac:chgData name="N L" userId="a0f86321d7a7d29e" providerId="LiveId" clId="{3CC4F2E8-12F3-4014-832A-8DAE5FA413CD}" dt="2024-10-14T14:28:14.406" v="1073" actId="1038"/>
          <ac:cxnSpMkLst>
            <pc:docMk/>
            <pc:sldMk cId="4243237983" sldId="275"/>
            <ac:cxnSpMk id="190" creationId="{24F10DC0-0E5B-8EE5-6FEF-3328C44B8F6E}"/>
          </ac:cxnSpMkLst>
        </pc:cxnChg>
        <pc:cxnChg chg="mod">
          <ac:chgData name="N L" userId="a0f86321d7a7d29e" providerId="LiveId" clId="{3CC4F2E8-12F3-4014-832A-8DAE5FA413CD}" dt="2024-10-14T14:28:14.406" v="1073" actId="1038"/>
          <ac:cxnSpMkLst>
            <pc:docMk/>
            <pc:sldMk cId="4243237983" sldId="275"/>
            <ac:cxnSpMk id="191" creationId="{A7F3B806-4F85-1ABA-10B1-3115DE96E190}"/>
          </ac:cxnSpMkLst>
        </pc:cxnChg>
        <pc:cxnChg chg="mod">
          <ac:chgData name="N L" userId="a0f86321d7a7d29e" providerId="LiveId" clId="{3CC4F2E8-12F3-4014-832A-8DAE5FA413CD}" dt="2024-10-14T14:28:14.406" v="1073" actId="1038"/>
          <ac:cxnSpMkLst>
            <pc:docMk/>
            <pc:sldMk cId="4243237983" sldId="275"/>
            <ac:cxnSpMk id="192" creationId="{51116AF4-3180-D195-65A1-413731A92A08}"/>
          </ac:cxnSpMkLst>
        </pc:cxnChg>
        <pc:cxnChg chg="mod">
          <ac:chgData name="N L" userId="a0f86321d7a7d29e" providerId="LiveId" clId="{3CC4F2E8-12F3-4014-832A-8DAE5FA413CD}" dt="2024-10-14T14:28:14.406" v="1073" actId="1038"/>
          <ac:cxnSpMkLst>
            <pc:docMk/>
            <pc:sldMk cId="4243237983" sldId="275"/>
            <ac:cxnSpMk id="195" creationId="{CB6DD529-0E64-2271-0C74-C29450561206}"/>
          </ac:cxnSpMkLst>
        </pc:cxnChg>
        <pc:cxnChg chg="mod">
          <ac:chgData name="N L" userId="a0f86321d7a7d29e" providerId="LiveId" clId="{3CC4F2E8-12F3-4014-832A-8DAE5FA413CD}" dt="2024-10-14T14:28:14.406" v="1073" actId="1038"/>
          <ac:cxnSpMkLst>
            <pc:docMk/>
            <pc:sldMk cId="4243237983" sldId="275"/>
            <ac:cxnSpMk id="196" creationId="{05485BB0-CC88-0D7E-55EC-5955232B34B7}"/>
          </ac:cxnSpMkLst>
        </pc:cxnChg>
        <pc:cxnChg chg="mod">
          <ac:chgData name="N L" userId="a0f86321d7a7d29e" providerId="LiveId" clId="{3CC4F2E8-12F3-4014-832A-8DAE5FA413CD}" dt="2024-10-14T14:28:14.406" v="1073" actId="1038"/>
          <ac:cxnSpMkLst>
            <pc:docMk/>
            <pc:sldMk cId="4243237983" sldId="275"/>
            <ac:cxnSpMk id="199" creationId="{635D6E54-FEF6-5279-3D79-EE5AE8CBC1D8}"/>
          </ac:cxnSpMkLst>
        </pc:cxnChg>
        <pc:cxnChg chg="mod">
          <ac:chgData name="N L" userId="a0f86321d7a7d29e" providerId="LiveId" clId="{3CC4F2E8-12F3-4014-832A-8DAE5FA413CD}" dt="2024-10-14T14:28:14.406" v="1073" actId="1038"/>
          <ac:cxnSpMkLst>
            <pc:docMk/>
            <pc:sldMk cId="4243237983" sldId="275"/>
            <ac:cxnSpMk id="200" creationId="{9E65FC99-A230-FFA9-4805-D4E3B897DD3C}"/>
          </ac:cxnSpMkLst>
        </pc:cxnChg>
        <pc:cxnChg chg="mod">
          <ac:chgData name="N L" userId="a0f86321d7a7d29e" providerId="LiveId" clId="{3CC4F2E8-12F3-4014-832A-8DAE5FA413CD}" dt="2024-10-14T14:28:14.406" v="1073" actId="1038"/>
          <ac:cxnSpMkLst>
            <pc:docMk/>
            <pc:sldMk cId="4243237983" sldId="275"/>
            <ac:cxnSpMk id="203" creationId="{C69A2950-9961-51D7-EFFC-0E235F6D37F7}"/>
          </ac:cxnSpMkLst>
        </pc:cxnChg>
        <pc:cxnChg chg="mod">
          <ac:chgData name="N L" userId="a0f86321d7a7d29e" providerId="LiveId" clId="{3CC4F2E8-12F3-4014-832A-8DAE5FA413CD}" dt="2024-10-14T14:28:14.406" v="1073" actId="1038"/>
          <ac:cxnSpMkLst>
            <pc:docMk/>
            <pc:sldMk cId="4243237983" sldId="275"/>
            <ac:cxnSpMk id="204" creationId="{286AAAE1-2879-D647-CA65-3D7E49213522}"/>
          </ac:cxnSpMkLst>
        </pc:cxnChg>
        <pc:cxnChg chg="mod">
          <ac:chgData name="N L" userId="a0f86321d7a7d29e" providerId="LiveId" clId="{3CC4F2E8-12F3-4014-832A-8DAE5FA413CD}" dt="2024-10-14T14:28:14.406" v="1073" actId="1038"/>
          <ac:cxnSpMkLst>
            <pc:docMk/>
            <pc:sldMk cId="4243237983" sldId="275"/>
            <ac:cxnSpMk id="205" creationId="{68E8BF04-FDD3-85E9-EBC1-797030600473}"/>
          </ac:cxnSpMkLst>
        </pc:cxnChg>
        <pc:cxnChg chg="mod">
          <ac:chgData name="N L" userId="a0f86321d7a7d29e" providerId="LiveId" clId="{3CC4F2E8-12F3-4014-832A-8DAE5FA413CD}" dt="2024-10-14T14:28:14.406" v="1073" actId="1038"/>
          <ac:cxnSpMkLst>
            <pc:docMk/>
            <pc:sldMk cId="4243237983" sldId="275"/>
            <ac:cxnSpMk id="206" creationId="{1C7AC3A7-CE10-4003-A5E6-7A33408BF2BB}"/>
          </ac:cxnSpMkLst>
        </pc:cxnChg>
      </pc:sldChg>
      <pc:sldChg chg="modSp add mod">
        <pc:chgData name="N L" userId="a0f86321d7a7d29e" providerId="LiveId" clId="{3CC4F2E8-12F3-4014-832A-8DAE5FA413CD}" dt="2024-10-14T14:21:36.326" v="932" actId="403"/>
        <pc:sldMkLst>
          <pc:docMk/>
          <pc:sldMk cId="1637666217" sldId="276"/>
        </pc:sldMkLst>
        <pc:spChg chg="mod">
          <ac:chgData name="N L" userId="a0f86321d7a7d29e" providerId="LiveId" clId="{3CC4F2E8-12F3-4014-832A-8DAE5FA413CD}" dt="2024-10-14T14:21:36.326" v="932" actId="403"/>
          <ac:spMkLst>
            <pc:docMk/>
            <pc:sldMk cId="1637666217" sldId="276"/>
            <ac:spMk id="3" creationId="{6B8BBEEA-9AE3-9AD1-DBF4-A2CC98EF1B9B}"/>
          </ac:spMkLst>
        </pc:spChg>
      </pc:sldChg>
      <pc:sldChg chg="modSp add mod">
        <pc:chgData name="N L" userId="a0f86321d7a7d29e" providerId="LiveId" clId="{3CC4F2E8-12F3-4014-832A-8DAE5FA413CD}" dt="2024-10-14T14:25:17.171" v="1023" actId="20577"/>
        <pc:sldMkLst>
          <pc:docMk/>
          <pc:sldMk cId="825552305" sldId="277"/>
        </pc:sldMkLst>
        <pc:spChg chg="mod">
          <ac:chgData name="N L" userId="a0f86321d7a7d29e" providerId="LiveId" clId="{3CC4F2E8-12F3-4014-832A-8DAE5FA413CD}" dt="2024-10-14T14:24:21.308" v="959" actId="20577"/>
          <ac:spMkLst>
            <pc:docMk/>
            <pc:sldMk cId="825552305" sldId="277"/>
            <ac:spMk id="2" creationId="{941B97FD-7A7C-F5A7-82F8-E665F49E37A5}"/>
          </ac:spMkLst>
        </pc:spChg>
        <pc:spChg chg="mod">
          <ac:chgData name="N L" userId="a0f86321d7a7d29e" providerId="LiveId" clId="{3CC4F2E8-12F3-4014-832A-8DAE5FA413CD}" dt="2024-10-14T14:25:17.171" v="1023" actId="20577"/>
          <ac:spMkLst>
            <pc:docMk/>
            <pc:sldMk cId="825552305" sldId="277"/>
            <ac:spMk id="3" creationId="{15C84BCC-0DB1-FDE0-3402-D7F5BF535CDB}"/>
          </ac:spMkLst>
        </pc:spChg>
      </pc:sldChg>
    </pc:docChg>
  </pc:docChgLst>
</pc:chgInfo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IN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0F2B008E-2CA4-4D34-A7B8-D3B181EEC995}" type="datetimeFigureOut">
              <a:rPr lang="en-IN" smtClean="0"/>
              <a:t>21-10-2024</a:t>
            </a:fld>
            <a:endParaRPr lang="en-IN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IN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N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IN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A5BFC15-4240-49DE-A6FC-4D242898D70F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392968734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8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4" name="Google Shape;84;p1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85" name="Google Shape;85;p1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  <p:extLst>
      <p:ext uri="{BB962C8B-B14F-4D97-AF65-F5344CB8AC3E}">
        <p14:creationId xmlns:p14="http://schemas.microsoft.com/office/powerpoint/2010/main" val="401408057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1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1" name="Google Shape;111;p5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12" name="Google Shape;112;p5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  <p:extLst>
      <p:ext uri="{BB962C8B-B14F-4D97-AF65-F5344CB8AC3E}">
        <p14:creationId xmlns:p14="http://schemas.microsoft.com/office/powerpoint/2010/main" val="6671651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050877" y="1322386"/>
            <a:ext cx="10363200" cy="1470025"/>
          </a:xfrm>
        </p:spPr>
        <p:txBody>
          <a:bodyPr/>
          <a:lstStyle>
            <a:lvl1pPr>
              <a:defRPr>
                <a:solidFill>
                  <a:schemeClr val="tx2">
                    <a:lumMod val="75000"/>
                  </a:schemeClr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032000" y="3326641"/>
            <a:ext cx="8534400" cy="1752600"/>
          </a:xfrm>
        </p:spPr>
        <p:txBody>
          <a:bodyPr>
            <a:normAutofit/>
          </a:bodyPr>
          <a:lstStyle>
            <a:lvl1pPr marL="0" indent="0" algn="ctr">
              <a:buNone/>
              <a:defRPr sz="2000" b="1">
                <a:solidFill>
                  <a:schemeClr val="tx2">
                    <a:lumMod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94CE30-7D40-4BC0-BA0D-56C992D5B4BD}" type="datetimeFigureOut">
              <a:rPr lang="en-GB" smtClean="0"/>
              <a:t>21/10/2024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BCD3F7E-62B3-4FB9-95CE-D1B0CC271B8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6799713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94CE30-7D40-4BC0-BA0D-56C992D5B4BD}" type="datetimeFigureOut">
              <a:rPr lang="en-GB" smtClean="0"/>
              <a:t>21/10/2024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BCD3F7E-62B3-4FB9-95CE-D1B0CC271B8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9626123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839200" y="274641"/>
            <a:ext cx="2743200" cy="5851525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09600" y="274641"/>
            <a:ext cx="8026400" cy="5851525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94CE30-7D40-4BC0-BA0D-56C992D5B4BD}" type="datetimeFigureOut">
              <a:rPr lang="en-GB" smtClean="0"/>
              <a:t>21/10/2024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BCD3F7E-62B3-4FB9-95CE-D1B0CC271B8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783002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tx2">
                    <a:lumMod val="75000"/>
                  </a:schemeClr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94CE30-7D40-4BC0-BA0D-56C992D5B4BD}" type="datetimeFigureOut">
              <a:rPr lang="en-GB" smtClean="0"/>
              <a:t>21/10/2024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BCD3F7E-62B3-4FB9-95CE-D1B0CC271B8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9091451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63084" y="4406903"/>
            <a:ext cx="103632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963084" y="2906713"/>
            <a:ext cx="103632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94CE30-7D40-4BC0-BA0D-56C992D5B4BD}" type="datetimeFigureOut">
              <a:rPr lang="en-GB" smtClean="0"/>
              <a:t>21/10/2024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BCD3F7E-62B3-4FB9-95CE-D1B0CC271B8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0641808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FF0000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09600" y="1600203"/>
            <a:ext cx="53848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97600" y="1600203"/>
            <a:ext cx="53848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94CE30-7D40-4BC0-BA0D-56C992D5B4BD}" type="datetimeFigureOut">
              <a:rPr lang="en-GB" smtClean="0"/>
              <a:t>21/10/2024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BCD3F7E-62B3-4FB9-95CE-D1B0CC271B8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3878641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59368" y="304800"/>
            <a:ext cx="10668000" cy="487362"/>
          </a:xfrm>
        </p:spPr>
        <p:txBody>
          <a:bodyPr/>
          <a:lstStyle>
            <a:lvl1pPr>
              <a:defRPr>
                <a:solidFill>
                  <a:srgbClr val="FF0000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1535113"/>
            <a:ext cx="5386917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09600" y="2174875"/>
            <a:ext cx="5386917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93369" y="1535113"/>
            <a:ext cx="5389033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93369" y="2174875"/>
            <a:ext cx="5389033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94CE30-7D40-4BC0-BA0D-56C992D5B4BD}" type="datetimeFigureOut">
              <a:rPr lang="en-GB" smtClean="0"/>
              <a:t>21/10/2024</a:t>
            </a:fld>
            <a:endParaRPr lang="en-GB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BCD3F7E-62B3-4FB9-95CE-D1B0CC271B8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0163357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860800" y="274638"/>
            <a:ext cx="7721600" cy="487362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94CE30-7D40-4BC0-BA0D-56C992D5B4BD}" type="datetimeFigureOut">
              <a:rPr lang="en-GB" smtClean="0"/>
              <a:t>21/10/2024</a:t>
            </a:fld>
            <a:endParaRPr lang="en-GB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BCD3F7E-62B3-4FB9-95CE-D1B0CC271B85}" type="slidenum">
              <a:rPr lang="en-GB" smtClean="0"/>
              <a:t>‹#›</a:t>
            </a:fld>
            <a:endParaRPr lang="en-GB"/>
          </a:p>
        </p:txBody>
      </p:sp>
      <p:pic>
        <p:nvPicPr>
          <p:cNvPr id="2051" name="Picture 3" descr="C:\Users\AMMU\Desktop\Border.pn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505209" y="139874"/>
            <a:ext cx="9686793" cy="69832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56202280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94CE30-7D40-4BC0-BA0D-56C992D5B4BD}" type="datetimeFigureOut">
              <a:rPr lang="en-GB" smtClean="0"/>
              <a:t>21/10/2024</a:t>
            </a:fld>
            <a:endParaRPr lang="en-GB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BCD3F7E-62B3-4FB9-95CE-D1B0CC271B8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497189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2" y="273050"/>
            <a:ext cx="4011084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766733" y="273053"/>
            <a:ext cx="6815667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09602" y="1435103"/>
            <a:ext cx="4011084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94CE30-7D40-4BC0-BA0D-56C992D5B4BD}" type="datetimeFigureOut">
              <a:rPr lang="en-GB" smtClean="0"/>
              <a:t>21/10/2024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BCD3F7E-62B3-4FB9-95CE-D1B0CC271B8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2156446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389717" y="4800600"/>
            <a:ext cx="73152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2389717" y="612775"/>
            <a:ext cx="73152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2389717" y="5367338"/>
            <a:ext cx="73152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94CE30-7D40-4BC0-BA0D-56C992D5B4BD}" type="datetimeFigureOut">
              <a:rPr lang="en-GB" smtClean="0"/>
              <a:t>21/10/2024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BCD3F7E-62B3-4FB9-95CE-D1B0CC271B8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7459519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1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12800" y="274638"/>
            <a:ext cx="10668000" cy="487362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12800" y="1143001"/>
            <a:ext cx="10668000" cy="495299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09600" y="6356353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  <a:latin typeface="Verdana" pitchFamily="34" charset="0"/>
                <a:ea typeface="Verdana" pitchFamily="34" charset="0"/>
                <a:cs typeface="Verdana" pitchFamily="34" charset="0"/>
              </a:defRPr>
            </a:lvl1pPr>
          </a:lstStyle>
          <a:p>
            <a:fld id="{4994CE30-7D40-4BC0-BA0D-56C992D5B4BD}" type="datetimeFigureOut">
              <a:rPr lang="en-GB" smtClean="0"/>
              <a:t>21/10/2024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165600" y="6356353"/>
            <a:ext cx="3860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  <a:latin typeface="Verdana" pitchFamily="34" charset="0"/>
                <a:ea typeface="Verdana" pitchFamily="34" charset="0"/>
                <a:cs typeface="Verdana" pitchFamily="34" charset="0"/>
              </a:defRPr>
            </a:lvl1pPr>
          </a:lstStyle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737600" y="6356353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  <a:latin typeface="Verdana" pitchFamily="34" charset="0"/>
                <a:ea typeface="Verdana" pitchFamily="34" charset="0"/>
                <a:cs typeface="Verdana" pitchFamily="34" charset="0"/>
              </a:defRPr>
            </a:lvl1pPr>
          </a:lstStyle>
          <a:p>
            <a:fld id="{1BCD3F7E-62B3-4FB9-95CE-D1B0CC271B85}" type="slidenum">
              <a:rPr lang="en-GB" smtClean="0"/>
              <a:t>‹#›</a:t>
            </a:fld>
            <a:endParaRPr lang="en-GB"/>
          </a:p>
        </p:txBody>
      </p:sp>
      <p:sp>
        <p:nvSpPr>
          <p:cNvPr id="8" name="Line 6">
            <a:extLst>
              <a:ext uri="{FF2B5EF4-FFF2-40B4-BE49-F238E27FC236}">
                <a16:creationId xmlns:a16="http://schemas.microsoft.com/office/drawing/2014/main" id="{3F0EAE8F-8B4C-436F-93E6-DF250930561C}"/>
              </a:ext>
            </a:extLst>
          </p:cNvPr>
          <p:cNvSpPr>
            <a:spLocks noChangeShapeType="1"/>
          </p:cNvSpPr>
          <p:nvPr/>
        </p:nvSpPr>
        <p:spPr bwMode="auto">
          <a:xfrm>
            <a:off x="812800" y="914400"/>
            <a:ext cx="10668000" cy="0"/>
          </a:xfrm>
          <a:prstGeom prst="line">
            <a:avLst/>
          </a:prstGeom>
          <a:noFill/>
          <a:ln w="57150" cmpd="thickThin">
            <a:solidFill>
              <a:schemeClr val="tx1"/>
            </a:solidFill>
            <a:round/>
            <a:headEnd/>
            <a:tailEnd/>
          </a:ln>
          <a:effectLst/>
        </p:spPr>
        <p:txBody>
          <a:bodyPr/>
          <a:lstStyle/>
          <a:p>
            <a:pPr>
              <a:defRPr/>
            </a:pPr>
            <a:endParaRPr lang="en-IN" sz="1800"/>
          </a:p>
        </p:txBody>
      </p:sp>
      <p:pic>
        <p:nvPicPr>
          <p:cNvPr id="7" name="Picture 7">
            <a:extLst>
              <a:ext uri="{FF2B5EF4-FFF2-40B4-BE49-F238E27FC236}">
                <a16:creationId xmlns:a16="http://schemas.microsoft.com/office/drawing/2014/main" id="{F5847C07-33FE-4652-A9FD-CD40E657B784}"/>
              </a:ext>
            </a:extLst>
          </p:cNvPr>
          <p:cNvPicPr>
            <a:picLocks noChangeAspect="1"/>
          </p:cNvPicPr>
          <p:nvPr/>
        </p:nvPicPr>
        <p:blipFill rotWithShape="1"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8045"/>
          <a:stretch/>
        </p:blipFill>
        <p:spPr bwMode="auto">
          <a:xfrm>
            <a:off x="0" y="5991366"/>
            <a:ext cx="12192000" cy="8666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16484013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spcBef>
          <a:spcPct val="0"/>
        </a:spcBef>
        <a:buNone/>
        <a:defRPr sz="2800" b="1" kern="1200">
          <a:solidFill>
            <a:srgbClr val="FF0000"/>
          </a:solidFill>
          <a:latin typeface="Verdana" pitchFamily="34" charset="0"/>
          <a:ea typeface="Verdana" pitchFamily="34" charset="0"/>
          <a:cs typeface="Verdana" pitchFamily="34" charset="0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Verdana" pitchFamily="34" charset="0"/>
          <a:ea typeface="Verdana" pitchFamily="34" charset="0"/>
          <a:cs typeface="Verdana" pitchFamily="34" charset="0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Verdana" pitchFamily="34" charset="0"/>
          <a:ea typeface="Verdana" pitchFamily="34" charset="0"/>
          <a:cs typeface="Verdana" pitchFamily="34" charset="0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1800" kern="1200">
          <a:solidFill>
            <a:schemeClr val="tx1"/>
          </a:solidFill>
          <a:latin typeface="Verdana" pitchFamily="34" charset="0"/>
          <a:ea typeface="Verdana" pitchFamily="34" charset="0"/>
          <a:cs typeface="Verdana" pitchFamily="34" charset="0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1600" kern="1200">
          <a:solidFill>
            <a:schemeClr val="tx1"/>
          </a:solidFill>
          <a:latin typeface="Verdana" pitchFamily="34" charset="0"/>
          <a:ea typeface="Verdana" pitchFamily="34" charset="0"/>
          <a:cs typeface="Verdana" pitchFamily="34" charset="0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1600" kern="1200">
          <a:solidFill>
            <a:schemeClr val="tx1"/>
          </a:solidFill>
          <a:latin typeface="Verdana" pitchFamily="34" charset="0"/>
          <a:ea typeface="Verdana" pitchFamily="34" charset="0"/>
          <a:cs typeface="Verdana" pitchFamily="34" charset="0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slideLayout" Target="../slideLayouts/slideLayout7.xml"/><Relationship Id="rId5" Type="http://schemas.openxmlformats.org/officeDocument/2006/relationships/tags" Target="../tags/tag5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image" Target="../media/image5.png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hyperlink" Target="https://github.com/Nishalokesh/Capstone_Project.git" TargetMode="External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ijcrt.org/IJCRT2312749" TargetMode="External"/><Relationship Id="rId2" Type="http://schemas.openxmlformats.org/officeDocument/2006/relationships/hyperlink" Target="https://arxiv.org/abs/2012.01976" TargetMode="External"/><Relationship Id="rId1" Type="http://schemas.openxmlformats.org/officeDocument/2006/relationships/slideLayout" Target="../slideLayouts/slideLayout2.xml"/><Relationship Id="rId6" Type="http://schemas.openxmlformats.org/officeDocument/2006/relationships/hyperlink" Target="https://doi.org/10.1016/j.ijmedinf.2019.104073" TargetMode="External"/><Relationship Id="rId5" Type="http://schemas.openxmlformats.org/officeDocument/2006/relationships/hyperlink" Target="https://doi.org/10.56726/IRJMETS48246" TargetMode="External"/><Relationship Id="rId4" Type="http://schemas.openxmlformats.org/officeDocument/2006/relationships/hyperlink" Target="https://doi.org/10.1093/jamia/ocaa159" TargetMode="Externa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hyperlink" Target="https://doi.org/10.21203/rs.3.rs-1738458/v1&amp;#8203;:contentReference[oaicite:1" TargetMode="External"/><Relationship Id="rId2" Type="http://schemas.openxmlformats.org/officeDocument/2006/relationships/hyperlink" Target="https://doi.org/10.1109/ACCESS.2022.3142100&amp;#8203;:contentReference[oaicite:0" TargetMode="External"/><Relationship Id="rId1" Type="http://schemas.openxmlformats.org/officeDocument/2006/relationships/slideLayout" Target="../slideLayouts/slideLayout2.xml"/><Relationship Id="rId6" Type="http://schemas.openxmlformats.org/officeDocument/2006/relationships/hyperlink" Target="https://doi.org/10.1186/s12938-019-0718-2" TargetMode="External"/><Relationship Id="rId5" Type="http://schemas.openxmlformats.org/officeDocument/2006/relationships/hyperlink" Target="https://doi.org/10.1093/jamia/ocac212&amp;#8203;:contentReference[oaicite:0" TargetMode="External"/><Relationship Id="rId4" Type="http://schemas.openxmlformats.org/officeDocument/2006/relationships/hyperlink" Target="https://www.iaras.org/iaras/journals/ijcOei" TargetMode="Externa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jpeg"/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8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7" name="Google Shape;87;p13"/>
          <p:cNvSpPr txBox="1">
            <a:spLocks noGrp="1"/>
          </p:cNvSpPr>
          <p:nvPr>
            <p:ph type="ctrTitle"/>
          </p:nvPr>
        </p:nvSpPr>
        <p:spPr>
          <a:xfrm>
            <a:off x="1455312" y="750277"/>
            <a:ext cx="9499090" cy="921976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lvl="0" indent="0" algn="ctr" rtl="0">
              <a:spcBef>
                <a:spcPts val="0"/>
              </a:spcBef>
              <a:spcAft>
                <a:spcPts val="0"/>
              </a:spcAft>
              <a:buClr>
                <a:srgbClr val="17365D"/>
              </a:buClr>
              <a:buSzPts val="2800"/>
              <a:buFont typeface="Verdana"/>
              <a:buNone/>
            </a:pPr>
            <a:r>
              <a:rPr lang="en-GB" dirty="0">
                <a:solidFill>
                  <a:schemeClr val="tx1"/>
                </a:solidFill>
                <a:latin typeface="Times New Roman" panose="02020603050405020304" pitchFamily="18" charset="0"/>
                <a:ea typeface="Cambria" panose="02040503050406030204" pitchFamily="18" charset="0"/>
                <a:cs typeface="Times New Roman" panose="02020603050405020304" pitchFamily="18" charset="0"/>
              </a:rPr>
              <a:t>PATIENT CASE SIMILARITY</a:t>
            </a:r>
            <a:endParaRPr dirty="0">
              <a:solidFill>
                <a:schemeClr val="tx1"/>
              </a:solidFill>
              <a:latin typeface="Times New Roman" panose="02020603050405020304" pitchFamily="18" charset="0"/>
              <a:ea typeface="Cambria" panose="02040503050406030204" pitchFamily="18" charset="0"/>
              <a:cs typeface="Times New Roman" panose="02020603050405020304" pitchFamily="18" charset="0"/>
            </a:endParaRPr>
          </a:p>
        </p:txBody>
      </p:sp>
      <p:sp>
        <p:nvSpPr>
          <p:cNvPr id="88" name="Google Shape;88;p13"/>
          <p:cNvSpPr txBox="1">
            <a:spLocks noGrp="1"/>
          </p:cNvSpPr>
          <p:nvPr>
            <p:ph type="subTitle" idx="1"/>
          </p:nvPr>
        </p:nvSpPr>
        <p:spPr>
          <a:xfrm>
            <a:off x="991591" y="1474684"/>
            <a:ext cx="3970500" cy="5523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Clr>
                <a:srgbClr val="17365D"/>
              </a:buClr>
              <a:buSzPts val="2000"/>
              <a:buNone/>
            </a:pPr>
            <a:r>
              <a:rPr lang="en-GB" dirty="0">
                <a:latin typeface="Times New Roman" panose="02020603050405020304" pitchFamily="18" charset="0"/>
                <a:ea typeface="Cambria" panose="02040503050406030204" pitchFamily="18" charset="0"/>
                <a:cs typeface="Times New Roman" panose="02020603050405020304" pitchFamily="18" charset="0"/>
              </a:rPr>
              <a:t>Batch Number : CDV-02</a:t>
            </a:r>
            <a:endParaRPr dirty="0">
              <a:latin typeface="Times New Roman" panose="02020603050405020304" pitchFamily="18" charset="0"/>
              <a:ea typeface="Cambria" panose="02040503050406030204" pitchFamily="18" charset="0"/>
              <a:cs typeface="Times New Roman" panose="02020603050405020304" pitchFamily="18" charset="0"/>
            </a:endParaRPr>
          </a:p>
          <a:p>
            <a:pPr marL="0" lvl="0" indent="0" algn="l" rtl="0">
              <a:spcBef>
                <a:spcPts val="400"/>
              </a:spcBef>
              <a:spcAft>
                <a:spcPts val="0"/>
              </a:spcAft>
              <a:buClr>
                <a:srgbClr val="17365D"/>
              </a:buClr>
              <a:buSzPts val="2000"/>
              <a:buNone/>
            </a:pPr>
            <a:endParaRPr dirty="0">
              <a:latin typeface="Cambria" panose="02040503050406030204" pitchFamily="18" charset="0"/>
              <a:ea typeface="Cambria" panose="02040503050406030204" pitchFamily="18" charset="0"/>
            </a:endParaRPr>
          </a:p>
        </p:txBody>
      </p:sp>
      <p:graphicFrame>
        <p:nvGraphicFramePr>
          <p:cNvPr id="89" name="Google Shape;89;p13"/>
          <p:cNvGraphicFramePr/>
          <p:nvPr>
            <p:extLst>
              <p:ext uri="{D42A27DB-BD31-4B8C-83A1-F6EECF244321}">
                <p14:modId xmlns:p14="http://schemas.microsoft.com/office/powerpoint/2010/main" val="2462677530"/>
              </p:ext>
            </p:extLst>
          </p:nvPr>
        </p:nvGraphicFramePr>
        <p:xfrm>
          <a:off x="991591" y="1898728"/>
          <a:ext cx="5348919" cy="2205306"/>
        </p:xfrm>
        <a:graphic>
          <a:graphicData uri="http://schemas.openxmlformats.org/drawingml/2006/table">
            <a:tbl>
              <a:tblPr firstRow="1" bandRow="1">
                <a:tableStyleId>{22838BEF-8BB2-4498-84A7-C5851F593DF1}</a:tableStyleId>
              </a:tblPr>
              <a:tblGrid>
                <a:gridCol w="2058161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3290758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</a:tblGrid>
              <a:tr h="367551">
                <a:tc>
                  <a:txBody>
                    <a:bodyPr/>
                    <a:lstStyle/>
                    <a:p>
                      <a:pPr marL="0" marR="0" lvl="1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1800" b="1" u="none" strike="noStrike" cap="none" dirty="0">
                          <a:solidFill>
                            <a:srgbClr val="17365D"/>
                          </a:solidFill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Roll Number</a:t>
                      </a:r>
                      <a:endParaRPr sz="1800" b="1" u="none" strike="noStrike" cap="none" dirty="0">
                        <a:solidFill>
                          <a:srgbClr val="17365D"/>
                        </a:solidFill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91450" marR="91450" marT="45725" marB="45725" anchor="ctr"/>
                </a:tc>
                <a:tc>
                  <a:txBody>
                    <a:bodyPr/>
                    <a:lstStyle/>
                    <a:p>
                      <a:pPr marL="0" marR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1800" b="1" u="none" strike="noStrike" cap="none" dirty="0">
                          <a:solidFill>
                            <a:srgbClr val="17365D"/>
                          </a:solidFill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 Student Name</a:t>
                      </a:r>
                      <a:endParaRPr sz="1800" b="1" u="none" strike="noStrike" cap="none" dirty="0">
                        <a:solidFill>
                          <a:srgbClr val="17365D"/>
                        </a:solidFill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91450" marR="91450" marT="45725" marB="45725" anchor="ctr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67551">
                <a:tc>
                  <a:txBody>
                    <a:bodyPr/>
                    <a:lstStyle/>
                    <a:p>
                      <a:pPr marL="0" marR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+mj-lt"/>
                        <a:buNone/>
                      </a:pPr>
                      <a:r>
                        <a:rPr lang="en-IN" sz="1800" b="1" u="none" strike="noStrike" cap="none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20211CDV0033</a:t>
                      </a:r>
                      <a:endParaRPr sz="1800" b="1" u="none" strike="noStrike" cap="none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91450" marR="91450" marT="45725" marB="45725" anchor="ctr"/>
                </a:tc>
                <a:tc>
                  <a:txBody>
                    <a:bodyPr/>
                    <a:lstStyle/>
                    <a:p>
                      <a:pPr marL="0" marR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IN" sz="1800" b="1" u="none" strike="noStrike" cap="none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RAJESHWARI C RAIKAR</a:t>
                      </a:r>
                      <a:endParaRPr sz="1800" b="1" u="none" strike="noStrike" cap="none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91450" marR="91450" marT="45725" marB="45725" anchor="ctr"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67551">
                <a:tc>
                  <a:txBody>
                    <a:bodyPr/>
                    <a:lstStyle/>
                    <a:p>
                      <a:pPr marL="0" marR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IN" sz="1800" b="1" u="none" strike="noStrike" cap="none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20211CDV0034</a:t>
                      </a:r>
                      <a:endParaRPr sz="1800" b="1" u="none" strike="noStrike" cap="none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91450" marR="91450" marT="45725" marB="45725" anchor="ctr"/>
                </a:tc>
                <a:tc>
                  <a:txBody>
                    <a:bodyPr/>
                    <a:lstStyle/>
                    <a:p>
                      <a:pPr marL="0" marR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IN" sz="1800" b="1" u="none" strike="noStrike" cap="none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NISHA L</a:t>
                      </a:r>
                      <a:endParaRPr sz="1800" b="1" u="none" strike="noStrike" cap="none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91450" marR="91450" marT="45725" marB="45725" anchor="ctr"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67551">
                <a:tc>
                  <a:txBody>
                    <a:bodyPr/>
                    <a:lstStyle/>
                    <a:p>
                      <a:pPr marL="0" marR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IN" sz="1800" b="1" u="none" strike="noStrike" cap="none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20211CDV0055</a:t>
                      </a:r>
                      <a:endParaRPr sz="1800" b="1" u="none" strike="noStrike" cap="none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91450" marR="91450" marT="45725" marB="45725" anchor="ctr"/>
                </a:tc>
                <a:tc>
                  <a:txBody>
                    <a:bodyPr/>
                    <a:lstStyle/>
                    <a:p>
                      <a:pPr marL="0" marR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IN" sz="1800" b="1" u="none" strike="noStrike" cap="none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AMRUTH RAJ</a:t>
                      </a:r>
                      <a:endParaRPr sz="1800" b="1" u="none" strike="noStrike" cap="none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91450" marR="91450" marT="45725" marB="45725" anchor="ctr"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67551">
                <a:tc>
                  <a:txBody>
                    <a:bodyPr/>
                    <a:lstStyle/>
                    <a:p>
                      <a:pPr marL="0" marR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IN" sz="1800" b="1" u="none" strike="noStrike" cap="none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20211CDV0041</a:t>
                      </a:r>
                      <a:endParaRPr sz="1800" b="1" u="none" strike="noStrike" cap="none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91450" marR="91450" marT="45725" marB="45725" anchor="ctr"/>
                </a:tc>
                <a:tc>
                  <a:txBody>
                    <a:bodyPr/>
                    <a:lstStyle/>
                    <a:p>
                      <a:pPr marL="0" marR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IN" sz="1800" b="1" u="none" strike="noStrike" cap="none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KATTA VINOD KUMAR</a:t>
                      </a:r>
                      <a:endParaRPr sz="1800" b="1" u="none" strike="noStrike" cap="none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91450" marR="91450" marT="45725" marB="45725" anchor="ctr"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67551">
                <a:tc>
                  <a:txBody>
                    <a:bodyPr/>
                    <a:lstStyle/>
                    <a:p>
                      <a:pPr marL="0" marR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IN" sz="1800" b="1" u="none" strike="noStrike" cap="none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20211CDV0056</a:t>
                      </a:r>
                      <a:endParaRPr sz="1800" b="1" u="none" strike="noStrike" cap="none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91450" marR="91450" marT="45725" marB="45725" anchor="ctr"/>
                </a:tc>
                <a:tc>
                  <a:txBody>
                    <a:bodyPr/>
                    <a:lstStyle/>
                    <a:p>
                      <a:pPr marL="0" marR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IN" sz="1800" b="1" u="none" strike="noStrike" cap="none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K VISHNU VARDHAN</a:t>
                      </a:r>
                      <a:endParaRPr sz="1800" b="1" u="none" strike="noStrike" cap="none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91450" marR="91450" marT="45725" marB="45725" anchor="ctr"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</a:tbl>
          </a:graphicData>
        </a:graphic>
      </p:graphicFrame>
      <p:sp>
        <p:nvSpPr>
          <p:cNvPr id="90" name="Google Shape;90;p13"/>
          <p:cNvSpPr txBox="1"/>
          <p:nvPr/>
        </p:nvSpPr>
        <p:spPr>
          <a:xfrm>
            <a:off x="6821840" y="2015243"/>
            <a:ext cx="5514300" cy="202056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/>
          <a:p>
            <a:pPr marL="0" marR="0" lvl="0" indent="0" rtl="0">
              <a:spcBef>
                <a:spcPts val="0"/>
              </a:spcBef>
              <a:spcAft>
                <a:spcPts val="0"/>
              </a:spcAft>
              <a:buClr>
                <a:srgbClr val="17365D"/>
              </a:buClr>
              <a:buSzPts val="2000"/>
              <a:buFont typeface="Arial"/>
              <a:buNone/>
            </a:pPr>
            <a:r>
              <a:rPr lang="en-GB" sz="2000" b="1" i="0" u="none" strike="noStrike" cap="none" dirty="0">
                <a:solidFill>
                  <a:srgbClr val="17365D"/>
                </a:solidFill>
                <a:latin typeface="Times New Roman" panose="02020603050405020304" pitchFamily="18" charset="0"/>
                <a:ea typeface="Cambria" panose="02040503050406030204" pitchFamily="18" charset="0"/>
                <a:cs typeface="Times New Roman" panose="02020603050405020304" pitchFamily="18" charset="0"/>
                <a:sym typeface="Verdana"/>
              </a:rPr>
              <a:t>Under the Supervision of,</a:t>
            </a:r>
            <a:endParaRPr sz="2000" b="1" i="0" u="none" strike="noStrike" cap="none" dirty="0">
              <a:solidFill>
                <a:srgbClr val="17365D"/>
              </a:solidFill>
              <a:latin typeface="Times New Roman" panose="02020603050405020304" pitchFamily="18" charset="0"/>
              <a:ea typeface="Cambria" panose="02040503050406030204" pitchFamily="18" charset="0"/>
              <a:cs typeface="Times New Roman" panose="02020603050405020304" pitchFamily="18" charset="0"/>
              <a:sym typeface="Verdana"/>
            </a:endParaRPr>
          </a:p>
          <a:p>
            <a:pPr marL="0" marR="0" lvl="0" indent="0" algn="l" rtl="0">
              <a:spcBef>
                <a:spcPts val="340"/>
              </a:spcBef>
              <a:spcAft>
                <a:spcPts val="0"/>
              </a:spcAft>
              <a:buClr>
                <a:srgbClr val="17365D"/>
              </a:buClr>
              <a:buSzPts val="1700"/>
              <a:buFont typeface="Arial"/>
              <a:buNone/>
            </a:pPr>
            <a:r>
              <a:rPr lang="en-GB" sz="2000" b="1" i="0" u="none" strike="noStrike" cap="none" dirty="0">
                <a:solidFill>
                  <a:schemeClr val="tx1"/>
                </a:solidFill>
                <a:latin typeface="Times New Roman" panose="02020603050405020304" pitchFamily="18" charset="0"/>
                <a:ea typeface="Cambria" panose="02040503050406030204" pitchFamily="18" charset="0"/>
                <a:cs typeface="Times New Roman" panose="02020603050405020304" pitchFamily="18" charset="0"/>
                <a:sym typeface="Verdana"/>
              </a:rPr>
              <a:t>Mr. RAJAN THANGAMANI</a:t>
            </a:r>
            <a:endParaRPr sz="2000" dirty="0">
              <a:solidFill>
                <a:schemeClr val="tx1"/>
              </a:solidFill>
              <a:latin typeface="Times New Roman" panose="02020603050405020304" pitchFamily="18" charset="0"/>
              <a:ea typeface="Cambria" panose="02040503050406030204" pitchFamily="18" charset="0"/>
              <a:cs typeface="Times New Roman" panose="02020603050405020304" pitchFamily="18" charset="0"/>
            </a:endParaRPr>
          </a:p>
          <a:p>
            <a:pPr marL="0" marR="0" lvl="0" indent="0" algn="l" rtl="0">
              <a:spcBef>
                <a:spcPts val="340"/>
              </a:spcBef>
              <a:spcAft>
                <a:spcPts val="0"/>
              </a:spcAft>
              <a:buClr>
                <a:srgbClr val="17365D"/>
              </a:buClr>
              <a:buSzPts val="1700"/>
              <a:buFont typeface="Arial"/>
              <a:buNone/>
            </a:pPr>
            <a:r>
              <a:rPr lang="en-GB" sz="2000" b="1" i="0" u="none" strike="noStrike" cap="none" dirty="0">
                <a:solidFill>
                  <a:schemeClr val="tx1"/>
                </a:solidFill>
                <a:latin typeface="Times New Roman" panose="02020603050405020304" pitchFamily="18" charset="0"/>
                <a:ea typeface="Cambria" panose="02040503050406030204" pitchFamily="18" charset="0"/>
                <a:cs typeface="Times New Roman" panose="02020603050405020304" pitchFamily="18" charset="0"/>
                <a:sym typeface="Verdana"/>
              </a:rPr>
              <a:t>Assistant Professor</a:t>
            </a:r>
            <a:endParaRPr sz="2000" dirty="0">
              <a:solidFill>
                <a:schemeClr val="tx1"/>
              </a:solidFill>
              <a:latin typeface="Times New Roman" panose="02020603050405020304" pitchFamily="18" charset="0"/>
              <a:ea typeface="Cambria" panose="02040503050406030204" pitchFamily="18" charset="0"/>
              <a:cs typeface="Times New Roman" panose="02020603050405020304" pitchFamily="18" charset="0"/>
            </a:endParaRPr>
          </a:p>
          <a:p>
            <a:pPr marL="0" marR="0" lvl="0" indent="0" algn="l" rtl="0">
              <a:spcBef>
                <a:spcPts val="340"/>
              </a:spcBef>
              <a:spcAft>
                <a:spcPts val="0"/>
              </a:spcAft>
              <a:buClr>
                <a:srgbClr val="17365D"/>
              </a:buClr>
              <a:buSzPts val="1700"/>
              <a:buFont typeface="Arial"/>
              <a:buNone/>
            </a:pPr>
            <a:r>
              <a:rPr lang="en-GB" sz="2000" b="1" i="0" u="none" strike="noStrike" cap="none" dirty="0">
                <a:solidFill>
                  <a:schemeClr val="tx1"/>
                </a:solidFill>
                <a:latin typeface="Times New Roman" panose="02020603050405020304" pitchFamily="18" charset="0"/>
                <a:ea typeface="Cambria" panose="02040503050406030204" pitchFamily="18" charset="0"/>
                <a:cs typeface="Times New Roman" panose="02020603050405020304" pitchFamily="18" charset="0"/>
                <a:sym typeface="Verdana"/>
              </a:rPr>
              <a:t>School of Computer Science and Engineering</a:t>
            </a:r>
            <a:endParaRPr sz="2000" dirty="0">
              <a:solidFill>
                <a:schemeClr val="tx1"/>
              </a:solidFill>
              <a:latin typeface="Times New Roman" panose="02020603050405020304" pitchFamily="18" charset="0"/>
              <a:ea typeface="Cambria" panose="02040503050406030204" pitchFamily="18" charset="0"/>
              <a:cs typeface="Times New Roman" panose="02020603050405020304" pitchFamily="18" charset="0"/>
            </a:endParaRPr>
          </a:p>
          <a:p>
            <a:pPr marL="0" marR="0" lvl="0" indent="0" algn="l" rtl="0">
              <a:spcBef>
                <a:spcPts val="340"/>
              </a:spcBef>
              <a:spcAft>
                <a:spcPts val="0"/>
              </a:spcAft>
              <a:buClr>
                <a:srgbClr val="17365D"/>
              </a:buClr>
              <a:buSzPts val="1700"/>
              <a:buFont typeface="Arial"/>
              <a:buNone/>
            </a:pPr>
            <a:r>
              <a:rPr lang="en-GB" sz="2000" b="1" i="0" u="none" strike="noStrike" cap="none" dirty="0">
                <a:solidFill>
                  <a:schemeClr val="tx1"/>
                </a:solidFill>
                <a:latin typeface="Times New Roman" panose="02020603050405020304" pitchFamily="18" charset="0"/>
                <a:ea typeface="Cambria" panose="02040503050406030204" pitchFamily="18" charset="0"/>
                <a:cs typeface="Times New Roman" panose="02020603050405020304" pitchFamily="18" charset="0"/>
                <a:sym typeface="Verdana"/>
              </a:rPr>
              <a:t>Presidency University</a:t>
            </a:r>
            <a:endParaRPr sz="2000" dirty="0">
              <a:solidFill>
                <a:schemeClr val="tx1"/>
              </a:solidFill>
              <a:latin typeface="Times New Roman" panose="02020603050405020304" pitchFamily="18" charset="0"/>
              <a:ea typeface="Cambria" panose="02040503050406030204" pitchFamily="18" charset="0"/>
              <a:cs typeface="Times New Roman" panose="02020603050405020304" pitchFamily="18" charset="0"/>
            </a:endParaRPr>
          </a:p>
          <a:p>
            <a:pPr marL="0" marR="0" lvl="0" indent="0" algn="l" rtl="0">
              <a:spcBef>
                <a:spcPts val="400"/>
              </a:spcBef>
              <a:spcAft>
                <a:spcPts val="0"/>
              </a:spcAft>
              <a:buClr>
                <a:srgbClr val="17365D"/>
              </a:buClr>
              <a:buSzPts val="2000"/>
              <a:buFont typeface="Arial"/>
              <a:buNone/>
            </a:pPr>
            <a:endParaRPr sz="2000" b="1" i="0" u="none" strike="noStrike" cap="none" dirty="0">
              <a:solidFill>
                <a:srgbClr val="17365D"/>
              </a:solidFill>
              <a:latin typeface="Cambria" panose="02040503050406030204" pitchFamily="18" charset="0"/>
              <a:ea typeface="Cambria" panose="02040503050406030204" pitchFamily="18" charset="0"/>
              <a:cs typeface="Verdana"/>
              <a:sym typeface="Verdana"/>
            </a:endParaRPr>
          </a:p>
        </p:txBody>
      </p:sp>
      <p:sp>
        <p:nvSpPr>
          <p:cNvPr id="91" name="Google Shape;91;p13"/>
          <p:cNvSpPr txBox="1"/>
          <p:nvPr/>
        </p:nvSpPr>
        <p:spPr>
          <a:xfrm>
            <a:off x="2301073" y="92970"/>
            <a:ext cx="7807569" cy="5523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Clr>
                <a:srgbClr val="17365D"/>
              </a:buClr>
              <a:buSzPct val="100000"/>
              <a:buFont typeface="Arial"/>
              <a:buNone/>
            </a:pPr>
            <a:r>
              <a:rPr lang="en-GB" sz="2400" b="1" i="0" u="none" strike="noStrike" cap="none" dirty="0">
                <a:solidFill>
                  <a:srgbClr val="17365D"/>
                </a:solidFill>
                <a:latin typeface="Times New Roman" panose="02020603050405020304" pitchFamily="18" charset="0"/>
                <a:ea typeface="Cambria" panose="02040503050406030204" pitchFamily="18" charset="0"/>
                <a:cs typeface="Times New Roman" panose="02020603050405020304" pitchFamily="18" charset="0"/>
                <a:sym typeface="Verdana"/>
              </a:rPr>
              <a:t>PIP2001 Capstone Project</a:t>
            </a:r>
            <a:endParaRPr lang="en-GB" sz="2400" dirty="0">
              <a:latin typeface="Times New Roman" panose="02020603050405020304" pitchFamily="18" charset="0"/>
              <a:ea typeface="Cambria" panose="02040503050406030204" pitchFamily="18" charset="0"/>
              <a:cs typeface="Times New Roman" panose="02020603050405020304" pitchFamily="18" charset="0"/>
            </a:endParaRPr>
          </a:p>
          <a:p>
            <a:pPr marL="0" marR="0" lvl="0" indent="0" algn="ctr" rtl="0">
              <a:spcBef>
                <a:spcPts val="310"/>
              </a:spcBef>
              <a:spcAft>
                <a:spcPts val="0"/>
              </a:spcAft>
              <a:buClr>
                <a:srgbClr val="17365D"/>
              </a:buClr>
              <a:buSzPct val="100000"/>
              <a:buFont typeface="Arial"/>
              <a:buNone/>
            </a:pPr>
            <a:r>
              <a:rPr lang="en-GB" sz="2400" b="1" i="0" u="none" strike="noStrike" cap="none" dirty="0">
                <a:solidFill>
                  <a:srgbClr val="17365D"/>
                </a:solidFill>
                <a:latin typeface="Times New Roman" panose="02020603050405020304" pitchFamily="18" charset="0"/>
                <a:ea typeface="Cambria" panose="02040503050406030204" pitchFamily="18" charset="0"/>
                <a:cs typeface="Times New Roman" panose="02020603050405020304" pitchFamily="18" charset="0"/>
                <a:sym typeface="Verdana"/>
              </a:rPr>
              <a:t>Review-1</a:t>
            </a:r>
          </a:p>
        </p:txBody>
      </p:sp>
      <p:sp>
        <p:nvSpPr>
          <p:cNvPr id="8" name="Google Shape;91;p13"/>
          <p:cNvSpPr txBox="1"/>
          <p:nvPr/>
        </p:nvSpPr>
        <p:spPr>
          <a:xfrm>
            <a:off x="0" y="4330509"/>
            <a:ext cx="12249915" cy="1562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rtl="0">
              <a:spcBef>
                <a:spcPts val="0"/>
              </a:spcBef>
              <a:spcAft>
                <a:spcPts val="0"/>
              </a:spcAft>
              <a:buClr>
                <a:srgbClr val="17365D"/>
              </a:buClr>
              <a:buSzPct val="100000"/>
              <a:buFont typeface="Arial"/>
              <a:buNone/>
            </a:pPr>
            <a:r>
              <a:rPr lang="en-US" sz="2000" b="1" i="0" u="none" strike="noStrike" cap="none" dirty="0">
                <a:solidFill>
                  <a:schemeClr val="accent1"/>
                </a:solidFill>
                <a:latin typeface="Times New Roman" panose="02020603050405020304" pitchFamily="18" charset="0"/>
                <a:ea typeface="Cambria" panose="02040503050406030204" pitchFamily="18" charset="0"/>
                <a:cs typeface="Times New Roman" panose="02020603050405020304" pitchFamily="18" charset="0"/>
                <a:sym typeface="Verdana"/>
              </a:rPr>
              <a:t>Name of the Program: </a:t>
            </a:r>
            <a:r>
              <a:rPr lang="en-US" sz="2000" b="1" i="0" u="none" strike="noStrike" cap="none" dirty="0">
                <a:solidFill>
                  <a:schemeClr val="tx1"/>
                </a:solidFill>
                <a:latin typeface="Times New Roman" panose="02020603050405020304" pitchFamily="18" charset="0"/>
                <a:ea typeface="Cambria" panose="02040503050406030204" pitchFamily="18" charset="0"/>
                <a:cs typeface="Times New Roman" panose="02020603050405020304" pitchFamily="18" charset="0"/>
                <a:sym typeface="Verdana"/>
              </a:rPr>
              <a:t>B.TECH COMPUTER SCIENCE AND TECHNOLOGY [DEVOPS]</a:t>
            </a:r>
          </a:p>
          <a:p>
            <a:pPr marL="0" marR="0" lvl="0" indent="0" rtl="0">
              <a:spcBef>
                <a:spcPts val="0"/>
              </a:spcBef>
              <a:spcAft>
                <a:spcPts val="0"/>
              </a:spcAft>
              <a:buClr>
                <a:srgbClr val="17365D"/>
              </a:buClr>
              <a:buSzPct val="100000"/>
              <a:buFont typeface="Arial"/>
              <a:buNone/>
            </a:pPr>
            <a:r>
              <a:rPr lang="en-US" sz="2000" b="1" dirty="0">
                <a:solidFill>
                  <a:schemeClr val="accent1"/>
                </a:solidFill>
                <a:latin typeface="Times New Roman" panose="02020603050405020304" pitchFamily="18" charset="0"/>
                <a:ea typeface="Cambria" panose="02040503050406030204" pitchFamily="18" charset="0"/>
                <a:cs typeface="Times New Roman" panose="02020603050405020304" pitchFamily="18" charset="0"/>
                <a:sym typeface="Verdana"/>
              </a:rPr>
              <a:t>Name of the HoD: </a:t>
            </a:r>
            <a:r>
              <a:rPr lang="en-US" sz="2000" b="1" dirty="0">
                <a:solidFill>
                  <a:schemeClr val="tx1"/>
                </a:solidFill>
                <a:latin typeface="Times New Roman" panose="02020603050405020304" pitchFamily="18" charset="0"/>
                <a:ea typeface="Cambria" panose="02040503050406030204" pitchFamily="18" charset="0"/>
                <a:cs typeface="Times New Roman" panose="02020603050405020304" pitchFamily="18" charset="0"/>
                <a:sym typeface="Verdana"/>
              </a:rPr>
              <a:t>Dr. S PRAVINTHRAJA</a:t>
            </a:r>
          </a:p>
          <a:p>
            <a:pPr marL="0" marR="0" lvl="0" indent="0" rtl="0">
              <a:spcBef>
                <a:spcPts val="0"/>
              </a:spcBef>
              <a:spcAft>
                <a:spcPts val="0"/>
              </a:spcAft>
              <a:buClr>
                <a:srgbClr val="17365D"/>
              </a:buClr>
              <a:buSzPct val="100000"/>
              <a:buFont typeface="Arial"/>
              <a:buNone/>
            </a:pPr>
            <a:r>
              <a:rPr lang="en-US" sz="2000" b="1" i="0" u="none" strike="noStrike" cap="none" dirty="0">
                <a:solidFill>
                  <a:schemeClr val="accent1"/>
                </a:solidFill>
                <a:latin typeface="Times New Roman" panose="02020603050405020304" pitchFamily="18" charset="0"/>
                <a:ea typeface="Cambria" panose="02040503050406030204" pitchFamily="18" charset="0"/>
                <a:cs typeface="Times New Roman" panose="02020603050405020304" pitchFamily="18" charset="0"/>
                <a:sym typeface="Verdana"/>
              </a:rPr>
              <a:t>Name of the Program Project Coordinator: </a:t>
            </a:r>
            <a:r>
              <a:rPr lang="en-US" sz="2000" b="1" i="0" u="none" strike="noStrike" cap="none" dirty="0">
                <a:solidFill>
                  <a:schemeClr val="tx1"/>
                </a:solidFill>
                <a:latin typeface="Times New Roman" panose="02020603050405020304" pitchFamily="18" charset="0"/>
                <a:ea typeface="Cambria" panose="02040503050406030204" pitchFamily="18" charset="0"/>
                <a:cs typeface="Times New Roman" panose="02020603050405020304" pitchFamily="18" charset="0"/>
                <a:sym typeface="Verdana"/>
              </a:rPr>
              <a:t>SUMA N G</a:t>
            </a:r>
          </a:p>
          <a:p>
            <a:pPr lvl="0">
              <a:buClr>
                <a:srgbClr val="17365D"/>
              </a:buClr>
              <a:buSzPct val="100000"/>
            </a:pPr>
            <a:r>
              <a:rPr lang="en-US" sz="2000" b="1" dirty="0">
                <a:solidFill>
                  <a:schemeClr val="accent1"/>
                </a:solidFill>
                <a:latin typeface="Times New Roman" panose="02020603050405020304" pitchFamily="18" charset="0"/>
                <a:ea typeface="Cambria" panose="02040503050406030204" pitchFamily="18" charset="0"/>
                <a:cs typeface="Times New Roman" panose="02020603050405020304" pitchFamily="18" charset="0"/>
                <a:sym typeface="Verdana"/>
              </a:rPr>
              <a:t>Name of the School Project Coordinators: </a:t>
            </a:r>
            <a:r>
              <a:rPr lang="en-US" sz="2000" b="1" i="0" u="none" strike="noStrike" cap="none" dirty="0">
                <a:solidFill>
                  <a:schemeClr val="tx1"/>
                </a:solidFill>
                <a:latin typeface="Times New Roman" panose="02020603050405020304" pitchFamily="18" charset="0"/>
                <a:ea typeface="Cambria" panose="02040503050406030204" pitchFamily="18" charset="0"/>
                <a:cs typeface="Times New Roman" panose="02020603050405020304" pitchFamily="18" charset="0"/>
                <a:sym typeface="Verdana"/>
              </a:rPr>
              <a:t>Dr. Sampath A K / Dr. Abdul Khadar A / Mr. Md Ziaur Rahman</a:t>
            </a:r>
            <a:endParaRPr sz="2000" b="1" i="0" u="none" strike="noStrike" cap="none" dirty="0">
              <a:solidFill>
                <a:schemeClr val="tx1"/>
              </a:solidFill>
              <a:latin typeface="Times New Roman" panose="02020603050405020304" pitchFamily="18" charset="0"/>
              <a:ea typeface="Cambria" panose="02040503050406030204" pitchFamily="18" charset="0"/>
              <a:cs typeface="Times New Roman" panose="02020603050405020304" pitchFamily="18" charset="0"/>
              <a:sym typeface="Verdana"/>
            </a:endParaRPr>
          </a:p>
        </p:txBody>
      </p:sp>
    </p:spTree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9B28A5-9F1D-C1E9-3190-C6005FE0BEB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latin typeface="+mj-lt"/>
              </a:rPr>
              <a:t>Architecture</a:t>
            </a:r>
            <a:endParaRPr lang="en-IN" dirty="0">
              <a:latin typeface="+mj-lt"/>
            </a:endParaRPr>
          </a:p>
        </p:txBody>
      </p:sp>
      <p:pic>
        <p:nvPicPr>
          <p:cNvPr id="4" name="Content Placeholder 3">
            <a:extLst>
              <a:ext uri="{FF2B5EF4-FFF2-40B4-BE49-F238E27FC236}">
                <a16:creationId xmlns:a16="http://schemas.microsoft.com/office/drawing/2014/main" id="{236AD45E-4817-4412-1CA0-8AACEF5574CE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812800" y="1959429"/>
            <a:ext cx="10668000" cy="317112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49459520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41B97FD-7A7C-F5A7-82F8-E665F49E37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latin typeface="+mj-lt"/>
              </a:rPr>
              <a:t>Software components</a:t>
            </a:r>
            <a:endParaRPr lang="en-IN" dirty="0">
              <a:latin typeface="+mj-lt"/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5C84BCC-0DB1-FDE0-3402-D7F5BF535CD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marR="0" lvl="0" indent="-34290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</a:pPr>
            <a:r>
              <a:rPr kumimoji="0" lang="en-US" altLang="en-US" sz="1800" b="1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  <a:ea typeface="Cambria" panose="02040503050406030204" pitchFamily="18" charset="0"/>
              </a:rPr>
              <a:t>Data Sets: </a:t>
            </a:r>
            <a:r>
              <a:rPr kumimoji="0" lang="en-US" altLang="en-US" sz="180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  <a:ea typeface="Cambria" panose="02040503050406030204" pitchFamily="18" charset="0"/>
              </a:rPr>
              <a:t>Kaggle</a:t>
            </a:r>
          </a:p>
          <a:p>
            <a:pPr marL="342900" marR="0" lvl="0" indent="-34290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</a:pPr>
            <a:r>
              <a:rPr kumimoji="0" lang="en-US" altLang="en-US" sz="1800" b="1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  <a:ea typeface="Cambria" panose="02040503050406030204" pitchFamily="18" charset="0"/>
              </a:rPr>
              <a:t>Frontend</a:t>
            </a:r>
            <a:r>
              <a:rPr kumimoji="0" lang="en-US" altLang="en-US" sz="18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  <a:ea typeface="Cambria" panose="02040503050406030204" pitchFamily="18" charset="0"/>
              </a:rPr>
              <a:t>: HTML, CSS, JS</a:t>
            </a:r>
          </a:p>
          <a:p>
            <a:pPr marL="342900" marR="0" lvl="0" indent="-34290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</a:pPr>
            <a:r>
              <a:rPr kumimoji="0" lang="en-US" altLang="en-US" sz="1800" b="1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  <a:ea typeface="Cambria" panose="02040503050406030204" pitchFamily="18" charset="0"/>
              </a:rPr>
              <a:t>Backend</a:t>
            </a:r>
            <a:r>
              <a:rPr kumimoji="0" lang="en-US" altLang="en-US" sz="18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  <a:ea typeface="Cambria" panose="02040503050406030204" pitchFamily="18" charset="0"/>
              </a:rPr>
              <a:t>: Flask</a:t>
            </a:r>
            <a:r>
              <a:rPr lang="en-US" altLang="en-US" sz="1800" dirty="0">
                <a:latin typeface="+mj-lt"/>
                <a:ea typeface="Cambria" panose="02040503050406030204" pitchFamily="18" charset="0"/>
              </a:rPr>
              <a:t> </a:t>
            </a:r>
            <a:endParaRPr kumimoji="0" lang="en-US" altLang="en-US" sz="18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+mj-lt"/>
              <a:ea typeface="Cambria" panose="02040503050406030204" pitchFamily="18" charset="0"/>
            </a:endParaRPr>
          </a:p>
          <a:p>
            <a:pPr marL="342900" marR="0" lvl="0" indent="-34290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</a:pPr>
            <a:r>
              <a:rPr kumimoji="0" lang="en-US" altLang="en-US" sz="1800" b="1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  <a:ea typeface="Cambria" panose="02040503050406030204" pitchFamily="18" charset="0"/>
              </a:rPr>
              <a:t>NLP Libraries</a:t>
            </a:r>
            <a:r>
              <a:rPr kumimoji="0" lang="en-US" altLang="en-US" sz="18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  <a:ea typeface="Cambria" panose="02040503050406030204" pitchFamily="18" charset="0"/>
              </a:rPr>
              <a:t>: TF-IDF, BERT</a:t>
            </a:r>
          </a:p>
          <a:p>
            <a:pPr marL="342900" marR="0" lvl="0" indent="-34290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</a:pPr>
            <a:r>
              <a:rPr kumimoji="0" lang="en-US" altLang="en-US" sz="1800" b="1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  <a:ea typeface="Cambria" panose="02040503050406030204" pitchFamily="18" charset="0"/>
              </a:rPr>
              <a:t>Machine Learning Frameworks</a:t>
            </a:r>
            <a:r>
              <a:rPr kumimoji="0" lang="en-US" altLang="en-US" sz="18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  <a:ea typeface="Cambria" panose="02040503050406030204" pitchFamily="18" charset="0"/>
              </a:rPr>
              <a:t>: Scikit-learn</a:t>
            </a:r>
            <a:r>
              <a:rPr lang="en-US" altLang="en-US" sz="1800" dirty="0">
                <a:latin typeface="+mj-lt"/>
                <a:ea typeface="Cambria" panose="02040503050406030204" pitchFamily="18" charset="0"/>
              </a:rPr>
              <a:t> </a:t>
            </a:r>
            <a:endParaRPr kumimoji="0" lang="en-US" altLang="en-US" sz="18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+mj-lt"/>
              <a:ea typeface="Cambria" panose="02040503050406030204" pitchFamily="18" charset="0"/>
            </a:endParaRPr>
          </a:p>
          <a:p>
            <a:pPr marL="342900" marR="0" lvl="0" indent="-34290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</a:pPr>
            <a:r>
              <a:rPr kumimoji="0" lang="en-US" altLang="en-US" sz="1800" b="1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  <a:ea typeface="Cambria" panose="02040503050406030204" pitchFamily="18" charset="0"/>
              </a:rPr>
              <a:t>Model Deployment</a:t>
            </a:r>
            <a:r>
              <a:rPr kumimoji="0" lang="en-US" altLang="en-US" sz="18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  <a:ea typeface="Cambria" panose="02040503050406030204" pitchFamily="18" charset="0"/>
              </a:rPr>
              <a:t>: Docker, AWS , GCP, Azure</a:t>
            </a:r>
          </a:p>
          <a:p>
            <a:pPr marL="342900" marR="0" lvl="0" indent="-34290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</a:pPr>
            <a:r>
              <a:rPr kumimoji="0" lang="en-US" altLang="en-US" sz="1800" b="1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  <a:ea typeface="Cambria" panose="02040503050406030204" pitchFamily="18" charset="0"/>
              </a:rPr>
              <a:t>Security</a:t>
            </a:r>
            <a:r>
              <a:rPr kumimoji="0" lang="en-US" altLang="en-US" sz="18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  <a:ea typeface="Cambria" panose="02040503050406030204" pitchFamily="18" charset="0"/>
              </a:rPr>
              <a:t>: OAuth, SSL/TLS, HIPAA compliance</a:t>
            </a:r>
          </a:p>
          <a:p>
            <a:pPr marL="342900" marR="0" lvl="0" indent="-34290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</a:pPr>
            <a:r>
              <a:rPr kumimoji="0" lang="en-US" altLang="en-US" sz="1800" b="1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  <a:ea typeface="Cambria" panose="02040503050406030204" pitchFamily="18" charset="0"/>
              </a:rPr>
              <a:t>Logging &amp; Monitoring</a:t>
            </a:r>
            <a:r>
              <a:rPr kumimoji="0" lang="en-US" altLang="en-US" sz="18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  <a:ea typeface="Cambria" panose="02040503050406030204" pitchFamily="18" charset="0"/>
              </a:rPr>
              <a:t>: CloudWatch </a:t>
            </a:r>
          </a:p>
          <a:p>
            <a:endParaRPr lang="en-IN" dirty="0"/>
          </a:p>
        </p:txBody>
      </p:sp>
    </p:spTree>
    <p:extLst>
      <p:ext uri="{BB962C8B-B14F-4D97-AF65-F5344CB8AC3E}">
        <p14:creationId xmlns:p14="http://schemas.microsoft.com/office/powerpoint/2010/main" val="82555230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8EA409F0-EFB1-9862-D197-1DC49D26DF0A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IN" b="1">
                <a:solidFill>
                  <a:srgbClr val="ED7D31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7B200315-9028-DF80-B3D8-1B034D5ED768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IN" b="1">
                <a:solidFill>
                  <a:srgbClr val="ED7D31"/>
                </a:solidFill>
                <a:latin typeface="Calibri" panose="020F0502020204030204" pitchFamily="34" charset="0"/>
              </a:rPr>
              <a:t>2025</a:t>
            </a:r>
          </a:p>
        </p:txBody>
      </p:sp>
      <p:cxnSp>
        <p:nvCxnSpPr>
          <p:cNvPr id="45" name="OTLSHAPE_T_1ee99e603ab74d45b2af421cd8500808_LeftVerticalConnector1" hidden="1">
            <a:extLst>
              <a:ext uri="{FF2B5EF4-FFF2-40B4-BE49-F238E27FC236}">
                <a16:creationId xmlns:a16="http://schemas.microsoft.com/office/drawing/2014/main" id="{981191DE-944F-1765-1E9F-F2E3B9ACB3A6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9336478" y="2797640"/>
            <a:ext cx="0" cy="252688"/>
          </a:xfrm>
          <a:prstGeom prst="line">
            <a:avLst/>
          </a:prstGeom>
          <a:ln w="7620" cap="flat" cmpd="sng" algn="ctr">
            <a:solidFill>
              <a:srgbClr val="D4EAFF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OTLSHAPE_T_a1dcccb0695b41c4a7c25ed935ab2ecc_LeftVerticalConnector1" hidden="1">
            <a:extLst>
              <a:ext uri="{FF2B5EF4-FFF2-40B4-BE49-F238E27FC236}">
                <a16:creationId xmlns:a16="http://schemas.microsoft.com/office/drawing/2014/main" id="{0B2952CB-1454-6BE9-D744-44044B575C57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9659241" y="3127840"/>
            <a:ext cx="0" cy="25268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OTLSHAPE_T_ab61448146b342978ef071f331b1a0d8_LeftVerticalConnector1" hidden="1">
            <a:extLst>
              <a:ext uri="{FF2B5EF4-FFF2-40B4-BE49-F238E27FC236}">
                <a16:creationId xmlns:a16="http://schemas.microsoft.com/office/drawing/2014/main" id="{F7AD1C48-A391-2C3A-BD1B-25B81B58F872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9845449" y="3458040"/>
            <a:ext cx="0" cy="25268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9" name="OTLSHAPE_T_6573890993b14c1aa662ed3084f33bf0_LeftVerticalConnector1" hidden="1">
            <a:extLst>
              <a:ext uri="{FF2B5EF4-FFF2-40B4-BE49-F238E27FC236}">
                <a16:creationId xmlns:a16="http://schemas.microsoft.com/office/drawing/2014/main" id="{367AB0AF-C649-C14B-EC59-B19C9153CD06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2154899" y="2137240"/>
            <a:ext cx="0" cy="28067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3" name="OTLSHAPE_T_e0cc100f850444f38d1754b15685096c_LeftVerticalConnector1" hidden="1">
            <a:extLst>
              <a:ext uri="{FF2B5EF4-FFF2-40B4-BE49-F238E27FC236}">
                <a16:creationId xmlns:a16="http://schemas.microsoft.com/office/drawing/2014/main" id="{D067EB29-D81B-C63B-B113-42980CF71147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8150097" y="3788240"/>
            <a:ext cx="0" cy="25268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4" name="OTLSHAPE_T_e0cc100f850444f38d1754b15685096c_LeftVerticalConnector2" hidden="1">
            <a:extLst>
              <a:ext uri="{FF2B5EF4-FFF2-40B4-BE49-F238E27FC236}">
                <a16:creationId xmlns:a16="http://schemas.microsoft.com/office/drawing/2014/main" id="{90384DBC-9D93-CC21-9EFB-BEFDC8BE97BD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8150097" y="4195953"/>
            <a:ext cx="0" cy="747987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7" name="OTLSHAPE_T_7ed7cbeeae4444429743b3eb834ebc9e_LeftVerticalConnector1" hidden="1">
            <a:extLst>
              <a:ext uri="{FF2B5EF4-FFF2-40B4-BE49-F238E27FC236}">
                <a16:creationId xmlns:a16="http://schemas.microsoft.com/office/drawing/2014/main" id="{598333F1-5317-7192-58CD-1E2CDD61878B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8549777" y="4118440"/>
            <a:ext cx="0" cy="25268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8" name="OTLSHAPE_T_7ed7cbeeae4444429743b3eb834ebc9e_LeftVerticalConnector2" hidden="1">
            <a:extLst>
              <a:ext uri="{FF2B5EF4-FFF2-40B4-BE49-F238E27FC236}">
                <a16:creationId xmlns:a16="http://schemas.microsoft.com/office/drawing/2014/main" id="{F1682B3E-7C5F-4A1F-ED82-AA3CB4D2CB6E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8549777" y="4526153"/>
            <a:ext cx="0" cy="417787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" name="OTLSHAPE_T_9f2c56c0af804b46b4c6eaee823fdbe3_LeftVerticalConnector1" hidden="1">
            <a:extLst>
              <a:ext uri="{FF2B5EF4-FFF2-40B4-BE49-F238E27FC236}">
                <a16:creationId xmlns:a16="http://schemas.microsoft.com/office/drawing/2014/main" id="{9885DFA1-682B-780B-16FB-6B6528A20131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8882843" y="4448640"/>
            <a:ext cx="0" cy="25268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2" name="OTLSHAPE_T_9f2c56c0af804b46b4c6eaee823fdbe3_LeftVerticalConnector2" hidden="1">
            <a:extLst>
              <a:ext uri="{FF2B5EF4-FFF2-40B4-BE49-F238E27FC236}">
                <a16:creationId xmlns:a16="http://schemas.microsoft.com/office/drawing/2014/main" id="{18778F1D-8F10-5FEF-708A-F66D3B85F02B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8882843" y="4856353"/>
            <a:ext cx="0" cy="87587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" name="OTLSHAPE_T_5deb908b8f9a406ea0f74f2d05a6cbfd_ShapePercentage" hidden="1">
            <a:extLst>
              <a:ext uri="{FF2B5EF4-FFF2-40B4-BE49-F238E27FC236}">
                <a16:creationId xmlns:a16="http://schemas.microsoft.com/office/drawing/2014/main" id="{9EB53F96-4C56-4CFB-472F-0DE9CFB94FA3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155700" y="129078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58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98" name="OTLSHAPE_T_9d5380b9debd4df68f6b0c4eb0c96a31_ShapePercentage" hidden="1">
            <a:extLst>
              <a:ext uri="{FF2B5EF4-FFF2-40B4-BE49-F238E27FC236}">
                <a16:creationId xmlns:a16="http://schemas.microsoft.com/office/drawing/2014/main" id="{2646BFD6-0C84-A505-2004-0CD412B388B2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755220" y="170544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58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06" name="OTLSHAPE_T_6573890993b14c1aa662ed3084f33bf0_ShapePercentage" hidden="1">
            <a:extLst>
              <a:ext uri="{FF2B5EF4-FFF2-40B4-BE49-F238E27FC236}">
                <a16:creationId xmlns:a16="http://schemas.microsoft.com/office/drawing/2014/main" id="{35172950-B46E-3656-98D6-89C294FC7AC2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2154899" y="203564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58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14" name="OTLSHAPE_T_fa00e8de85da493185eb112c03fe3ab8_ShapePercentage" hidden="1">
            <a:extLst>
              <a:ext uri="{FF2B5EF4-FFF2-40B4-BE49-F238E27FC236}">
                <a16:creationId xmlns:a16="http://schemas.microsoft.com/office/drawing/2014/main" id="{86FE3A3E-1908-ED91-E2B9-C3DDD31F9494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4086685" y="236584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58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22" name="OTLSHAPE_T_1ee99e603ab74d45b2af421cd8500808_ShapePercentage" hidden="1">
            <a:extLst>
              <a:ext uri="{FF2B5EF4-FFF2-40B4-BE49-F238E27FC236}">
                <a16:creationId xmlns:a16="http://schemas.microsoft.com/office/drawing/2014/main" id="{AF5F43F1-C30E-1B1A-FF61-F00D1D7C5033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4486365" y="269604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58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30" name="OTLSHAPE_T_a1dcccb0695b41c4a7c25ed935ab2ecc_ShapePercentage" hidden="1">
            <a:extLst>
              <a:ext uri="{FF2B5EF4-FFF2-40B4-BE49-F238E27FC236}">
                <a16:creationId xmlns:a16="http://schemas.microsoft.com/office/drawing/2014/main" id="{7533A414-2689-9AE0-4533-121A62B75450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6218311" y="302624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58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38" name="OTLSHAPE_T_ab61448146b342978ef071f331b1a0d8_ShapePercentage" hidden="1">
            <a:extLst>
              <a:ext uri="{FF2B5EF4-FFF2-40B4-BE49-F238E27FC236}">
                <a16:creationId xmlns:a16="http://schemas.microsoft.com/office/drawing/2014/main" id="{EE7E1499-9B84-FD68-FC16-80B657D5C81F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7217511" y="335644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58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46" name="OTLSHAPE_T_e0cc100f850444f38d1754b15685096c_ShapePercentage" hidden="1">
            <a:extLst>
              <a:ext uri="{FF2B5EF4-FFF2-40B4-BE49-F238E27FC236}">
                <a16:creationId xmlns:a16="http://schemas.microsoft.com/office/drawing/2014/main" id="{54E9892D-6071-3BE9-8F5E-1DCE01E60FF8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8150097" y="368664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58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54" name="OTLSHAPE_T_7ed7cbeeae4444429743b3eb834ebc9e_ShapePercentage" hidden="1">
            <a:extLst>
              <a:ext uri="{FF2B5EF4-FFF2-40B4-BE49-F238E27FC236}">
                <a16:creationId xmlns:a16="http://schemas.microsoft.com/office/drawing/2014/main" id="{1422C168-2E5F-F096-A126-E791C4FA63A9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8549777" y="401684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58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62" name="OTLSHAPE_T_9f2c56c0af804b46b4c6eaee823fdbe3_ShapePercentage" hidden="1">
            <a:extLst>
              <a:ext uri="{FF2B5EF4-FFF2-40B4-BE49-F238E27FC236}">
                <a16:creationId xmlns:a16="http://schemas.microsoft.com/office/drawing/2014/main" id="{49581383-7453-5066-F79D-E7CEA35C3A93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8882843" y="434704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58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70" name="OTLSHAPE_T_e1569554bed846669a4e37151e8945e4_ShapePercentage" hidden="1">
            <a:extLst>
              <a:ext uri="{FF2B5EF4-FFF2-40B4-BE49-F238E27FC236}">
                <a16:creationId xmlns:a16="http://schemas.microsoft.com/office/drawing/2014/main" id="{13715668-3CA2-F241-0A55-F6BB2CB841C2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9149297" y="467724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58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91" name="OTLSHAPE_T_5deb908b8f9a406ea0f74f2d05a6cbfd_Duration" hidden="1">
            <a:extLst>
              <a:ext uri="{FF2B5EF4-FFF2-40B4-BE49-F238E27FC236}">
                <a16:creationId xmlns:a16="http://schemas.microsoft.com/office/drawing/2014/main" id="{D7DBF342-9479-15B4-DED3-09CF41D0FB6B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rgbClr val="ED7D31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92" name="OTLSHAPE_T_5deb908b8f9a406ea0f74f2d05a6cbfd_TextPercentage" hidden="1">
            <a:extLst>
              <a:ext uri="{FF2B5EF4-FFF2-40B4-BE49-F238E27FC236}">
                <a16:creationId xmlns:a16="http://schemas.microsoft.com/office/drawing/2014/main" id="{17A39225-187F-FCD4-EAF5-0B5B93AFB432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T_5deb908b8f9a406ea0f74f2d05a6cbfd_JoinedDate" hidden="1">
            <a:extLst>
              <a:ext uri="{FF2B5EF4-FFF2-40B4-BE49-F238E27FC236}">
                <a16:creationId xmlns:a16="http://schemas.microsoft.com/office/drawing/2014/main" id="{FB416ED8-358A-3230-D93C-CF5A0AFD9B8F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T_9d5380b9debd4df68f6b0c4eb0c96a31_Duration" hidden="1">
            <a:extLst>
              <a:ext uri="{FF2B5EF4-FFF2-40B4-BE49-F238E27FC236}">
                <a16:creationId xmlns:a16="http://schemas.microsoft.com/office/drawing/2014/main" id="{32E91B74-9B9E-7533-F6C2-93BFE4267F29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rgbClr val="ED7D31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100" name="OTLSHAPE_T_9d5380b9debd4df68f6b0c4eb0c96a31_TextPercentage" hidden="1">
            <a:extLst>
              <a:ext uri="{FF2B5EF4-FFF2-40B4-BE49-F238E27FC236}">
                <a16:creationId xmlns:a16="http://schemas.microsoft.com/office/drawing/2014/main" id="{C411B4FE-1D8D-64AD-0B15-7FF9191A08CE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T_9d5380b9debd4df68f6b0c4eb0c96a31_JoinedDate" hidden="1">
            <a:extLst>
              <a:ext uri="{FF2B5EF4-FFF2-40B4-BE49-F238E27FC236}">
                <a16:creationId xmlns:a16="http://schemas.microsoft.com/office/drawing/2014/main" id="{F97FFD52-A234-029B-834D-1D7788CE75E3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T_6573890993b14c1aa662ed3084f33bf0_Duration" hidden="1">
            <a:extLst>
              <a:ext uri="{FF2B5EF4-FFF2-40B4-BE49-F238E27FC236}">
                <a16:creationId xmlns:a16="http://schemas.microsoft.com/office/drawing/2014/main" id="{3170A1EB-51AB-F174-F4ED-5DBD80C738A4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rgbClr val="ED7D31"/>
                </a:solidFill>
                <a:latin typeface="Calibri" panose="020F0502020204030204" pitchFamily="34" charset="0"/>
              </a:rPr>
              <a:t>7 days</a:t>
            </a:r>
          </a:p>
        </p:txBody>
      </p:sp>
      <p:sp>
        <p:nvSpPr>
          <p:cNvPr id="108" name="OTLSHAPE_T_6573890993b14c1aa662ed3084f33bf0_TextPercentage" hidden="1">
            <a:extLst>
              <a:ext uri="{FF2B5EF4-FFF2-40B4-BE49-F238E27FC236}">
                <a16:creationId xmlns:a16="http://schemas.microsoft.com/office/drawing/2014/main" id="{00ABCE3C-E4B6-A66D-A1CA-D5DF60C37184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9" name="OTLSHAPE_T_6573890993b14c1aa662ed3084f33bf0_JoinedDate" hidden="1">
            <a:extLst>
              <a:ext uri="{FF2B5EF4-FFF2-40B4-BE49-F238E27FC236}">
                <a16:creationId xmlns:a16="http://schemas.microsoft.com/office/drawing/2014/main" id="{22172FF8-412C-D047-B0BA-3855E30A25F9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T_fa00e8de85da493185eb112c03fe3ab8_Duration" hidden="1">
            <a:extLst>
              <a:ext uri="{FF2B5EF4-FFF2-40B4-BE49-F238E27FC236}">
                <a16:creationId xmlns:a16="http://schemas.microsoft.com/office/drawing/2014/main" id="{7344C1C6-E48A-B9FB-CBCB-85BB58917071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rgbClr val="ED7D31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116" name="OTLSHAPE_T_fa00e8de85da493185eb112c03fe3ab8_TextPercentage" hidden="1">
            <a:extLst>
              <a:ext uri="{FF2B5EF4-FFF2-40B4-BE49-F238E27FC236}">
                <a16:creationId xmlns:a16="http://schemas.microsoft.com/office/drawing/2014/main" id="{0C621C2C-A2A7-CD6B-7444-5CA9A4DA8F70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7" name="OTLSHAPE_T_fa00e8de85da493185eb112c03fe3ab8_JoinedDate" hidden="1">
            <a:extLst>
              <a:ext uri="{FF2B5EF4-FFF2-40B4-BE49-F238E27FC236}">
                <a16:creationId xmlns:a16="http://schemas.microsoft.com/office/drawing/2014/main" id="{D964698F-22A8-05F7-331B-CAA67978F957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23" name="OTLSHAPE_T_1ee99e603ab74d45b2af421cd8500808_Duration" hidden="1">
            <a:extLst>
              <a:ext uri="{FF2B5EF4-FFF2-40B4-BE49-F238E27FC236}">
                <a16:creationId xmlns:a16="http://schemas.microsoft.com/office/drawing/2014/main" id="{92001405-C244-EF38-F99F-F102820E5DD9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rgbClr val="ED7D31"/>
                </a:solidFill>
                <a:latin typeface="Calibri" panose="020F0502020204030204" pitchFamily="34" charset="0"/>
              </a:rPr>
              <a:t>20 days</a:t>
            </a:r>
          </a:p>
        </p:txBody>
      </p:sp>
      <p:sp>
        <p:nvSpPr>
          <p:cNvPr id="124" name="OTLSHAPE_T_1ee99e603ab74d45b2af421cd8500808_TextPercentage" hidden="1">
            <a:extLst>
              <a:ext uri="{FF2B5EF4-FFF2-40B4-BE49-F238E27FC236}">
                <a16:creationId xmlns:a16="http://schemas.microsoft.com/office/drawing/2014/main" id="{FB2662BC-185A-678B-00E3-3FDFB5C8096A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5" name="OTLSHAPE_T_1ee99e603ab74d45b2af421cd8500808_JoinedDate" hidden="1">
            <a:extLst>
              <a:ext uri="{FF2B5EF4-FFF2-40B4-BE49-F238E27FC236}">
                <a16:creationId xmlns:a16="http://schemas.microsoft.com/office/drawing/2014/main" id="{352BB961-1594-B22A-1A17-5FF9D42D2987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T_a1dcccb0695b41c4a7c25ed935ab2ecc_Duration" hidden="1">
            <a:extLst>
              <a:ext uri="{FF2B5EF4-FFF2-40B4-BE49-F238E27FC236}">
                <a16:creationId xmlns:a16="http://schemas.microsoft.com/office/drawing/2014/main" id="{4B7C2C28-FCCE-1321-AC52-EB700C0AC334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rgbClr val="ED7D31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132" name="OTLSHAPE_T_a1dcccb0695b41c4a7c25ed935ab2ecc_TextPercentage" hidden="1">
            <a:extLst>
              <a:ext uri="{FF2B5EF4-FFF2-40B4-BE49-F238E27FC236}">
                <a16:creationId xmlns:a16="http://schemas.microsoft.com/office/drawing/2014/main" id="{35DAE48E-81CB-F1EB-CADD-A730D2E8716A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3" name="OTLSHAPE_T_a1dcccb0695b41c4a7c25ed935ab2ecc_JoinedDate" hidden="1">
            <a:extLst>
              <a:ext uri="{FF2B5EF4-FFF2-40B4-BE49-F238E27FC236}">
                <a16:creationId xmlns:a16="http://schemas.microsoft.com/office/drawing/2014/main" id="{15A38CB1-B073-1928-FB9C-A2042FFB8B19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39" name="OTLSHAPE_T_ab61448146b342978ef071f331b1a0d8_Duration" hidden="1">
            <a:extLst>
              <a:ext uri="{FF2B5EF4-FFF2-40B4-BE49-F238E27FC236}">
                <a16:creationId xmlns:a16="http://schemas.microsoft.com/office/drawing/2014/main" id="{9B2E58B2-2E86-C32C-1133-3D990115C5A9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rgbClr val="ED7D31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140" name="OTLSHAPE_T_ab61448146b342978ef071f331b1a0d8_TextPercentage" hidden="1">
            <a:extLst>
              <a:ext uri="{FF2B5EF4-FFF2-40B4-BE49-F238E27FC236}">
                <a16:creationId xmlns:a16="http://schemas.microsoft.com/office/drawing/2014/main" id="{AAD09DB1-5A79-484B-20AE-0A5439C5A26C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1" name="OTLSHAPE_T_ab61448146b342978ef071f331b1a0d8_JoinedDate" hidden="1">
            <a:extLst>
              <a:ext uri="{FF2B5EF4-FFF2-40B4-BE49-F238E27FC236}">
                <a16:creationId xmlns:a16="http://schemas.microsoft.com/office/drawing/2014/main" id="{E397B654-0DA3-1E24-8220-DC449C21263A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47" name="OTLSHAPE_T_e0cc100f850444f38d1754b15685096c_Duration" hidden="1">
            <a:extLst>
              <a:ext uri="{FF2B5EF4-FFF2-40B4-BE49-F238E27FC236}">
                <a16:creationId xmlns:a16="http://schemas.microsoft.com/office/drawing/2014/main" id="{246AD86F-4015-8C3F-4D35-D7F7FCA72046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rgbClr val="ED7D31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48" name="OTLSHAPE_T_e0cc100f850444f38d1754b15685096c_TextPercentage" hidden="1">
            <a:extLst>
              <a:ext uri="{FF2B5EF4-FFF2-40B4-BE49-F238E27FC236}">
                <a16:creationId xmlns:a16="http://schemas.microsoft.com/office/drawing/2014/main" id="{0D7DCA17-01AB-9A0A-8890-9328771CDAC8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9" name="OTLSHAPE_T_e0cc100f850444f38d1754b15685096c_JoinedDate" hidden="1">
            <a:extLst>
              <a:ext uri="{FF2B5EF4-FFF2-40B4-BE49-F238E27FC236}">
                <a16:creationId xmlns:a16="http://schemas.microsoft.com/office/drawing/2014/main" id="{5F67554F-2BBD-6C2E-5059-2A0978DD4482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55" name="OTLSHAPE_T_7ed7cbeeae4444429743b3eb834ebc9e_Duration" hidden="1">
            <a:extLst>
              <a:ext uri="{FF2B5EF4-FFF2-40B4-BE49-F238E27FC236}">
                <a16:creationId xmlns:a16="http://schemas.microsoft.com/office/drawing/2014/main" id="{59C33C00-DBFB-2E04-AA42-D9B6CC4F9EFD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rgbClr val="ED7D31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156" name="OTLSHAPE_T_7ed7cbeeae4444429743b3eb834ebc9e_TextPercentage" hidden="1">
            <a:extLst>
              <a:ext uri="{FF2B5EF4-FFF2-40B4-BE49-F238E27FC236}">
                <a16:creationId xmlns:a16="http://schemas.microsoft.com/office/drawing/2014/main" id="{63FEF8B7-9475-7CD8-F486-1E2E0C15AF46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7" name="OTLSHAPE_T_7ed7cbeeae4444429743b3eb834ebc9e_JoinedDate" hidden="1">
            <a:extLst>
              <a:ext uri="{FF2B5EF4-FFF2-40B4-BE49-F238E27FC236}">
                <a16:creationId xmlns:a16="http://schemas.microsoft.com/office/drawing/2014/main" id="{F2BACCDF-B8E8-97AD-0727-07DC02EC3119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63" name="OTLSHAPE_T_9f2c56c0af804b46b4c6eaee823fdbe3_Duration" hidden="1">
            <a:extLst>
              <a:ext uri="{FF2B5EF4-FFF2-40B4-BE49-F238E27FC236}">
                <a16:creationId xmlns:a16="http://schemas.microsoft.com/office/drawing/2014/main" id="{3E35E5B3-2249-5E34-4B26-3097FAFE6197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rgbClr val="ED7D31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164" name="OTLSHAPE_T_9f2c56c0af804b46b4c6eaee823fdbe3_TextPercentage" hidden="1">
            <a:extLst>
              <a:ext uri="{FF2B5EF4-FFF2-40B4-BE49-F238E27FC236}">
                <a16:creationId xmlns:a16="http://schemas.microsoft.com/office/drawing/2014/main" id="{D68279DC-2DBA-03B5-A426-6A508E6ADE8D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5" name="OTLSHAPE_T_9f2c56c0af804b46b4c6eaee823fdbe3_JoinedDate" hidden="1">
            <a:extLst>
              <a:ext uri="{FF2B5EF4-FFF2-40B4-BE49-F238E27FC236}">
                <a16:creationId xmlns:a16="http://schemas.microsoft.com/office/drawing/2014/main" id="{84EC7745-F20B-5158-85DE-F61AE9431B49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71" name="OTLSHAPE_T_e1569554bed846669a4e37151e8945e4_Duration" hidden="1">
            <a:extLst>
              <a:ext uri="{FF2B5EF4-FFF2-40B4-BE49-F238E27FC236}">
                <a16:creationId xmlns:a16="http://schemas.microsoft.com/office/drawing/2014/main" id="{BA0508AE-A247-2789-CDC3-6E39D85D67DC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rgbClr val="ED7D31"/>
                </a:solidFill>
                <a:latin typeface="Calibri" panose="020F0502020204030204" pitchFamily="34" charset="0"/>
              </a:rPr>
              <a:t>7 days</a:t>
            </a:r>
          </a:p>
        </p:txBody>
      </p:sp>
      <p:sp>
        <p:nvSpPr>
          <p:cNvPr id="172" name="OTLSHAPE_T_e1569554bed846669a4e37151e8945e4_TextPercentage" hidden="1">
            <a:extLst>
              <a:ext uri="{FF2B5EF4-FFF2-40B4-BE49-F238E27FC236}">
                <a16:creationId xmlns:a16="http://schemas.microsoft.com/office/drawing/2014/main" id="{3A3C6900-197A-639C-1105-5A9209298CDE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3" name="OTLSHAPE_T_e1569554bed846669a4e37151e8945e4_JoinedDate" hidden="1">
            <a:extLst>
              <a:ext uri="{FF2B5EF4-FFF2-40B4-BE49-F238E27FC236}">
                <a16:creationId xmlns:a16="http://schemas.microsoft.com/office/drawing/2014/main" id="{687ECCA2-F4B3-D869-2EF9-332F52198BEB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EFFCDB1C-3643-90FF-CFCB-186D32D7A3B6}"/>
              </a:ext>
            </a:extLst>
          </p:cNvPr>
          <p:cNvSpPr txBox="1"/>
          <p:nvPr/>
        </p:nvSpPr>
        <p:spPr>
          <a:xfrm>
            <a:off x="743827" y="347153"/>
            <a:ext cx="6094324" cy="52322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2800" b="1" dirty="0">
                <a:solidFill>
                  <a:schemeClr val="tx2"/>
                </a:solidFill>
                <a:latin typeface="+mj-lt"/>
                <a:ea typeface="Verdana" panose="020B0604030504040204" pitchFamily="34" charset="0"/>
              </a:rPr>
              <a:t>Timeline of Project</a:t>
            </a:r>
            <a:endParaRPr lang="en-IN" sz="2800" b="1" dirty="0">
              <a:solidFill>
                <a:schemeClr val="tx2"/>
              </a:solidFill>
              <a:latin typeface="+mj-lt"/>
              <a:ea typeface="Verdana" panose="020B0604030504040204" pitchFamily="34" charset="0"/>
            </a:endParaRPr>
          </a:p>
        </p:txBody>
      </p:sp>
      <p:pic>
        <p:nvPicPr>
          <p:cNvPr id="17" name="Picture 16">
            <a:extLst>
              <a:ext uri="{FF2B5EF4-FFF2-40B4-BE49-F238E27FC236}">
                <a16:creationId xmlns:a16="http://schemas.microsoft.com/office/drawing/2014/main" id="{4B062484-8B9F-3303-69D9-B2A659063771}"/>
              </a:ext>
            </a:extLst>
          </p:cNvPr>
          <p:cNvPicPr>
            <a:picLocks noChangeAspect="1"/>
          </p:cNvPicPr>
          <p:nvPr/>
        </p:nvPicPr>
        <p:blipFill>
          <a:blip r:embed="rId59"/>
          <a:srcRect t="13580"/>
          <a:stretch/>
        </p:blipFill>
        <p:spPr>
          <a:xfrm>
            <a:off x="3044650" y="981554"/>
            <a:ext cx="5627078" cy="516803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243237983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>
                <a:latin typeface="+mj-lt"/>
              </a:rPr>
              <a:t>Expected Outcome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457200" indent="-457200">
              <a:buFont typeface="+mj-lt"/>
              <a:buAutoNum type="arabicPeriod"/>
            </a:pPr>
            <a:r>
              <a:rPr lang="en-US" sz="1800" dirty="0">
                <a:latin typeface="+mj-lt"/>
              </a:rPr>
              <a:t>Groupings of similar patients based on medical data (cluster labels). </a:t>
            </a:r>
          </a:p>
          <a:p>
            <a:pPr marL="457200" indent="-457200">
              <a:buFont typeface="+mj-lt"/>
              <a:buAutoNum type="arabicPeriod"/>
            </a:pPr>
            <a:r>
              <a:rPr lang="en-US" sz="1800" dirty="0">
                <a:latin typeface="+mj-lt"/>
              </a:rPr>
              <a:t>Identification of key attributes that define each cluster. </a:t>
            </a:r>
          </a:p>
          <a:p>
            <a:pPr marL="457200" indent="-457200">
              <a:buFont typeface="+mj-lt"/>
              <a:buAutoNum type="arabicPeriod"/>
            </a:pPr>
            <a:r>
              <a:rPr lang="en-US" sz="1800" dirty="0">
                <a:latin typeface="+mj-lt"/>
              </a:rPr>
              <a:t>Actionable insights for patient treatment or diagnosis.</a:t>
            </a:r>
          </a:p>
          <a:p>
            <a:pPr marL="457200" indent="-457200">
              <a:buFont typeface="+mj-lt"/>
              <a:buAutoNum type="arabicPeriod"/>
            </a:pPr>
            <a:r>
              <a:rPr lang="en-US" sz="1800" dirty="0">
                <a:latin typeface="+mj-lt"/>
              </a:rPr>
              <a:t>A model that can predict similarity for new patients. </a:t>
            </a:r>
          </a:p>
          <a:p>
            <a:pPr marL="457200" indent="-457200">
              <a:buFont typeface="+mj-lt"/>
              <a:buAutoNum type="arabicPeriod"/>
            </a:pPr>
            <a:r>
              <a:rPr lang="en-US" sz="1800" dirty="0">
                <a:latin typeface="+mj-lt"/>
              </a:rPr>
              <a:t>Visualizations to illustrate the clusters and their significance. </a:t>
            </a:r>
          </a:p>
          <a:p>
            <a:pPr marL="457200" indent="-457200">
              <a:buFont typeface="+mj-lt"/>
              <a:buAutoNum type="arabicPeriod"/>
            </a:pPr>
            <a:r>
              <a:rPr lang="en-US" sz="1800" dirty="0">
                <a:latin typeface="+mj-lt"/>
              </a:rPr>
              <a:t>Report and Documentation. help me to add this points to report</a:t>
            </a:r>
          </a:p>
          <a:p>
            <a:pPr marL="0" indent="0">
              <a:buNone/>
            </a:pP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23928155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>
                <a:latin typeface="+mj-lt"/>
              </a:rPr>
              <a:t>Conclus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1800" dirty="0">
                <a:latin typeface="+mj-lt"/>
              </a:rPr>
              <a:t>Successfully clustered patients based on medical data.</a:t>
            </a:r>
          </a:p>
          <a:p>
            <a:r>
              <a:rPr lang="en-US" sz="1800" dirty="0">
                <a:latin typeface="+mj-lt"/>
              </a:rPr>
              <a:t>Identified key features for personalized treatment and diagnosis.</a:t>
            </a:r>
          </a:p>
          <a:p>
            <a:r>
              <a:rPr lang="en-US" sz="1800" dirty="0">
                <a:latin typeface="+mj-lt"/>
              </a:rPr>
              <a:t>Developed a predictive model to classify new patients into clusters.</a:t>
            </a:r>
          </a:p>
          <a:p>
            <a:r>
              <a:rPr lang="en-US" sz="1800" dirty="0">
                <a:latin typeface="+mj-lt"/>
              </a:rPr>
              <a:t>Enables data-driven decisions for healthcare providers.</a:t>
            </a:r>
          </a:p>
          <a:p>
            <a:r>
              <a:rPr lang="en-US" sz="1800" dirty="0">
                <a:latin typeface="+mj-lt"/>
              </a:rPr>
              <a:t>Potential to improve patient outcomes through personalized medicine.</a:t>
            </a:r>
            <a:endParaRPr lang="en-GB" sz="1800" dirty="0"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2238571193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1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4" name="Google Shape;114;p17"/>
          <p:cNvSpPr txBox="1">
            <a:spLocks noGrp="1"/>
          </p:cNvSpPr>
          <p:nvPr>
            <p:ph type="title"/>
          </p:nvPr>
        </p:nvSpPr>
        <p:spPr>
          <a:xfrm>
            <a:off x="762000" y="274500"/>
            <a:ext cx="10668000" cy="4875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152400" lvl="0">
              <a:lnSpc>
                <a:spcPct val="200000"/>
              </a:lnSpc>
            </a:pPr>
            <a:r>
              <a:rPr lang="en-US" dirty="0">
                <a:latin typeface="+mj-lt"/>
                <a:ea typeface="Cambria" panose="02040503050406030204" pitchFamily="18" charset="0"/>
              </a:rPr>
              <a:t>Github Link</a:t>
            </a:r>
          </a:p>
        </p:txBody>
      </p:sp>
      <p:sp>
        <p:nvSpPr>
          <p:cNvPr id="115" name="Google Shape;115;p17"/>
          <p:cNvSpPr txBox="1">
            <a:spLocks noGrp="1"/>
          </p:cNvSpPr>
          <p:nvPr>
            <p:ph type="body" idx="1"/>
          </p:nvPr>
        </p:nvSpPr>
        <p:spPr>
          <a:xfrm>
            <a:off x="812800" y="1143000"/>
            <a:ext cx="10668000" cy="4953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/>
          <a:p>
            <a:pPr marL="342900" lvl="0" indent="-190500" algn="just" rtl="0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ct val="100000"/>
              <a:buNone/>
            </a:pPr>
            <a:endParaRPr lang="en-US" dirty="0">
              <a:latin typeface="Cambria" panose="02040503050406030204" pitchFamily="18" charset="0"/>
              <a:ea typeface="Cambria" panose="02040503050406030204" pitchFamily="18" charset="0"/>
            </a:endParaRPr>
          </a:p>
          <a:p>
            <a:pPr marL="342900" lvl="0" indent="-190500" algn="just" rtl="0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ct val="100000"/>
              <a:buNone/>
            </a:pPr>
            <a:endParaRPr lang="en-US" dirty="0">
              <a:latin typeface="Cambria" panose="02040503050406030204" pitchFamily="18" charset="0"/>
              <a:ea typeface="Cambria" panose="02040503050406030204" pitchFamily="18" charset="0"/>
            </a:endParaRPr>
          </a:p>
          <a:p>
            <a:pPr marL="342900" lvl="0" indent="-190500" algn="just" rtl="0">
              <a:lnSpc>
                <a:spcPct val="2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ct val="100000"/>
              <a:buNone/>
            </a:pPr>
            <a:endParaRPr lang="en-US" dirty="0">
              <a:latin typeface="Cambria" panose="02040503050406030204" pitchFamily="18" charset="0"/>
              <a:ea typeface="Cambria" panose="02040503050406030204" pitchFamily="18" charset="0"/>
            </a:endParaRPr>
          </a:p>
          <a:p>
            <a:pPr marL="342900" lvl="0" indent="-190500" algn="just" rtl="0">
              <a:lnSpc>
                <a:spcPct val="2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ct val="100000"/>
              <a:buNone/>
            </a:pPr>
            <a:endParaRPr lang="en-US" dirty="0">
              <a:latin typeface="Cambria" panose="02040503050406030204" pitchFamily="18" charset="0"/>
              <a:ea typeface="Cambria" panose="02040503050406030204" pitchFamily="18" charset="0"/>
            </a:endParaRPr>
          </a:p>
          <a:p>
            <a:pPr marL="342900" lvl="0" indent="-190500" algn="just" rtl="0">
              <a:lnSpc>
                <a:spcPct val="2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ct val="100000"/>
              <a:buNone/>
            </a:pPr>
            <a:endParaRPr dirty="0">
              <a:latin typeface="Cambria" panose="02040503050406030204" pitchFamily="18" charset="0"/>
              <a:ea typeface="Cambria" panose="02040503050406030204" pitchFamily="18" charset="0"/>
            </a:endParaRPr>
          </a:p>
        </p:txBody>
      </p:sp>
      <p:sp>
        <p:nvSpPr>
          <p:cNvPr id="4" name="Google Shape;115;p17"/>
          <p:cNvSpPr txBox="1">
            <a:spLocks/>
          </p:cNvSpPr>
          <p:nvPr/>
        </p:nvSpPr>
        <p:spPr>
          <a:xfrm>
            <a:off x="965200" y="1295400"/>
            <a:ext cx="10668000" cy="4953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L="457200" marR="0" lvl="0" indent="-381000" algn="l" rtl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>
                <a:schemeClr val="dk1"/>
              </a:buClr>
              <a:buSzPts val="2400"/>
              <a:buFont typeface="Arial"/>
              <a:buChar char="•"/>
              <a:defRPr sz="24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1pPr>
            <a:lvl2pPr marL="914400" marR="0" lvl="1" indent="-355600" algn="l" rtl="0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–"/>
              <a:defRPr sz="20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2pPr>
            <a:lvl3pPr marL="1371600" marR="0" lvl="2" indent="-342900" algn="l" rtl="0">
              <a:lnSpc>
                <a:spcPct val="100000"/>
              </a:lnSpc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3pPr>
            <a:lvl4pPr marL="1828800" marR="0" lvl="3" indent="-330200" algn="l" rtl="0">
              <a:lnSpc>
                <a:spcPct val="100000"/>
              </a:lnSpc>
              <a:spcBef>
                <a:spcPts val="32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Char char="–"/>
              <a:defRPr sz="16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4pPr>
            <a:lvl5pPr marL="2286000" marR="0" lvl="4" indent="-330200" algn="l" rtl="0">
              <a:lnSpc>
                <a:spcPct val="100000"/>
              </a:lnSpc>
              <a:spcBef>
                <a:spcPts val="32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Char char="»"/>
              <a:defRPr sz="16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5pPr>
            <a:lvl6pPr marL="2743200" marR="0" lvl="5" indent="-342900" algn="l" rtl="0">
              <a:lnSpc>
                <a:spcPct val="100000"/>
              </a:lnSpc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Bookman Old Style"/>
                <a:ea typeface="Bookman Old Style"/>
                <a:cs typeface="Bookman Old Style"/>
                <a:sym typeface="Bookman Old Style"/>
              </a:defRPr>
            </a:lvl6pPr>
            <a:lvl7pPr marL="3200400" marR="0" lvl="6" indent="-342900" algn="l" rtl="0">
              <a:lnSpc>
                <a:spcPct val="100000"/>
              </a:lnSpc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Bookman Old Style"/>
                <a:ea typeface="Bookman Old Style"/>
                <a:cs typeface="Bookman Old Style"/>
                <a:sym typeface="Bookman Old Style"/>
              </a:defRPr>
            </a:lvl7pPr>
            <a:lvl8pPr marL="3657600" marR="0" lvl="7" indent="-342900" algn="l" rtl="0">
              <a:lnSpc>
                <a:spcPct val="100000"/>
              </a:lnSpc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Bookman Old Style"/>
                <a:ea typeface="Bookman Old Style"/>
                <a:cs typeface="Bookman Old Style"/>
                <a:sym typeface="Bookman Old Style"/>
              </a:defRPr>
            </a:lvl8pPr>
            <a:lvl9pPr marL="4114800" marR="0" lvl="8" indent="-342900" algn="l" rtl="0">
              <a:lnSpc>
                <a:spcPct val="100000"/>
              </a:lnSpc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Bookman Old Style"/>
                <a:ea typeface="Bookman Old Style"/>
                <a:cs typeface="Bookman Old Style"/>
                <a:sym typeface="Bookman Old Style"/>
              </a:defRPr>
            </a:lvl9pPr>
          </a:lstStyle>
          <a:p>
            <a:pPr marL="342900" indent="-190500" algn="just">
              <a:spcBef>
                <a:spcPts val="0"/>
              </a:spcBef>
              <a:buSzPct val="100000"/>
              <a:buFont typeface="Arial"/>
              <a:buNone/>
            </a:pPr>
            <a:endParaRPr lang="en-US" dirty="0">
              <a:latin typeface="Cambria" panose="02040503050406030204" pitchFamily="18" charset="0"/>
              <a:ea typeface="Cambria" panose="02040503050406030204" pitchFamily="18" charset="0"/>
            </a:endParaRPr>
          </a:p>
          <a:p>
            <a:pPr marL="342900" indent="-190500" algn="just">
              <a:spcBef>
                <a:spcPts val="0"/>
              </a:spcBef>
              <a:buSzPct val="100000"/>
              <a:buFont typeface="Arial"/>
              <a:buNone/>
            </a:pPr>
            <a:endParaRPr lang="en-US" dirty="0">
              <a:latin typeface="Cambria" panose="02040503050406030204" pitchFamily="18" charset="0"/>
              <a:ea typeface="Cambria" panose="02040503050406030204" pitchFamily="18" charset="0"/>
            </a:endParaRPr>
          </a:p>
          <a:p>
            <a:pPr marL="342900" indent="-190500" algn="just">
              <a:lnSpc>
                <a:spcPct val="200000"/>
              </a:lnSpc>
              <a:spcBef>
                <a:spcPts val="0"/>
              </a:spcBef>
              <a:buSzPct val="100000"/>
              <a:buFont typeface="Arial"/>
              <a:buNone/>
            </a:pPr>
            <a:endParaRPr lang="en-US" dirty="0">
              <a:latin typeface="Cambria" panose="02040503050406030204" pitchFamily="18" charset="0"/>
              <a:ea typeface="Cambria" panose="02040503050406030204" pitchFamily="18" charset="0"/>
            </a:endParaRPr>
          </a:p>
          <a:p>
            <a:pPr marL="342900" indent="-190500" algn="just">
              <a:lnSpc>
                <a:spcPct val="200000"/>
              </a:lnSpc>
              <a:spcBef>
                <a:spcPts val="0"/>
              </a:spcBef>
              <a:buSzPct val="100000"/>
              <a:buFont typeface="Arial"/>
              <a:buNone/>
            </a:pPr>
            <a:endParaRPr lang="en-US" dirty="0">
              <a:latin typeface="Cambria" panose="02040503050406030204" pitchFamily="18" charset="0"/>
              <a:ea typeface="Cambria" panose="02040503050406030204" pitchFamily="18" charset="0"/>
            </a:endParaRPr>
          </a:p>
          <a:p>
            <a:pPr marL="342900" indent="-190500" algn="just">
              <a:lnSpc>
                <a:spcPct val="200000"/>
              </a:lnSpc>
              <a:spcBef>
                <a:spcPts val="0"/>
              </a:spcBef>
              <a:buSzPct val="100000"/>
              <a:buFont typeface="Arial"/>
              <a:buNone/>
            </a:pPr>
            <a:endParaRPr lang="en-US" dirty="0">
              <a:latin typeface="Cambria" panose="02040503050406030204" pitchFamily="18" charset="0"/>
              <a:ea typeface="Cambria" panose="02040503050406030204" pitchFamily="18" charset="0"/>
            </a:endParaRPr>
          </a:p>
        </p:txBody>
      </p:sp>
      <p:sp>
        <p:nvSpPr>
          <p:cNvPr id="5" name="Google Shape;115;p17"/>
          <p:cNvSpPr txBox="1">
            <a:spLocks/>
          </p:cNvSpPr>
          <p:nvPr/>
        </p:nvSpPr>
        <p:spPr>
          <a:xfrm>
            <a:off x="812800" y="1143000"/>
            <a:ext cx="10668000" cy="41783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L="457200" marR="0" lvl="0" indent="-381000" algn="l" rtl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>
                <a:schemeClr val="dk1"/>
              </a:buClr>
              <a:buSzPts val="2400"/>
              <a:buFont typeface="Arial"/>
              <a:buChar char="•"/>
              <a:defRPr sz="24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1pPr>
            <a:lvl2pPr marL="914400" marR="0" lvl="1" indent="-355600" algn="l" rtl="0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–"/>
              <a:defRPr sz="20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2pPr>
            <a:lvl3pPr marL="1371600" marR="0" lvl="2" indent="-342900" algn="l" rtl="0">
              <a:lnSpc>
                <a:spcPct val="100000"/>
              </a:lnSpc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3pPr>
            <a:lvl4pPr marL="1828800" marR="0" lvl="3" indent="-330200" algn="l" rtl="0">
              <a:lnSpc>
                <a:spcPct val="100000"/>
              </a:lnSpc>
              <a:spcBef>
                <a:spcPts val="32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Char char="–"/>
              <a:defRPr sz="16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4pPr>
            <a:lvl5pPr marL="2286000" marR="0" lvl="4" indent="-330200" algn="l" rtl="0">
              <a:lnSpc>
                <a:spcPct val="100000"/>
              </a:lnSpc>
              <a:spcBef>
                <a:spcPts val="32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Char char="»"/>
              <a:defRPr sz="16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5pPr>
            <a:lvl6pPr marL="2743200" marR="0" lvl="5" indent="-342900" algn="l" rtl="0">
              <a:lnSpc>
                <a:spcPct val="100000"/>
              </a:lnSpc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Bookman Old Style"/>
                <a:ea typeface="Bookman Old Style"/>
                <a:cs typeface="Bookman Old Style"/>
                <a:sym typeface="Bookman Old Style"/>
              </a:defRPr>
            </a:lvl6pPr>
            <a:lvl7pPr marL="3200400" marR="0" lvl="6" indent="-342900" algn="l" rtl="0">
              <a:lnSpc>
                <a:spcPct val="100000"/>
              </a:lnSpc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Bookman Old Style"/>
                <a:ea typeface="Bookman Old Style"/>
                <a:cs typeface="Bookman Old Style"/>
                <a:sym typeface="Bookman Old Style"/>
              </a:defRPr>
            </a:lvl7pPr>
            <a:lvl8pPr marL="3657600" marR="0" lvl="7" indent="-342900" algn="l" rtl="0">
              <a:lnSpc>
                <a:spcPct val="100000"/>
              </a:lnSpc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Bookman Old Style"/>
                <a:ea typeface="Bookman Old Style"/>
                <a:cs typeface="Bookman Old Style"/>
                <a:sym typeface="Bookman Old Style"/>
              </a:defRPr>
            </a:lvl8pPr>
            <a:lvl9pPr marL="4114800" marR="0" lvl="8" indent="-342900" algn="l" rtl="0">
              <a:lnSpc>
                <a:spcPct val="100000"/>
              </a:lnSpc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Bookman Old Style"/>
                <a:ea typeface="Bookman Old Style"/>
                <a:cs typeface="Bookman Old Style"/>
                <a:sym typeface="Bookman Old Style"/>
              </a:defRPr>
            </a:lvl9pPr>
          </a:lstStyle>
          <a:p>
            <a:pPr marL="342900" indent="-190500" algn="just">
              <a:spcBef>
                <a:spcPts val="0"/>
              </a:spcBef>
              <a:buSzPct val="100000"/>
              <a:buFont typeface="Arial"/>
              <a:buNone/>
            </a:pPr>
            <a:endParaRPr lang="en-US" dirty="0">
              <a:latin typeface="Cambria" panose="02040503050406030204" pitchFamily="18" charset="0"/>
              <a:ea typeface="Cambria" panose="02040503050406030204" pitchFamily="18" charset="0"/>
            </a:endParaRPr>
          </a:p>
          <a:p>
            <a:pPr marL="342900" indent="-190500" algn="just">
              <a:spcBef>
                <a:spcPts val="0"/>
              </a:spcBef>
              <a:buSzPct val="100000"/>
              <a:buFont typeface="Arial"/>
              <a:buNone/>
            </a:pPr>
            <a:r>
              <a:rPr lang="en-US" b="1" dirty="0">
                <a:solidFill>
                  <a:schemeClr val="accent2">
                    <a:lumMod val="75000"/>
                  </a:schemeClr>
                </a:solidFill>
                <a:latin typeface="Cambria" panose="02040503050406030204" pitchFamily="18" charset="0"/>
                <a:ea typeface="Cambria" panose="02040503050406030204" pitchFamily="18" charset="0"/>
                <a:hlinkClick r:id="rId3"/>
              </a:rPr>
              <a:t>https://github.com/Nishalokesh/Capstone_Project.git</a:t>
            </a:r>
            <a:r>
              <a:rPr lang="en-US" b="1" dirty="0">
                <a:solidFill>
                  <a:schemeClr val="accent2">
                    <a:lumMod val="75000"/>
                  </a:schemeClr>
                </a:solidFill>
                <a:latin typeface="Cambria" panose="02040503050406030204" pitchFamily="18" charset="0"/>
                <a:ea typeface="Cambria" panose="02040503050406030204" pitchFamily="18" charset="0"/>
              </a:rPr>
              <a:t> </a:t>
            </a:r>
          </a:p>
          <a:p>
            <a:pPr marL="342900" indent="-190500" algn="just">
              <a:spcBef>
                <a:spcPts val="0"/>
              </a:spcBef>
              <a:buSzPct val="100000"/>
              <a:buFont typeface="Arial"/>
              <a:buNone/>
            </a:pPr>
            <a:endParaRPr lang="en-US" dirty="0">
              <a:latin typeface="Cambria" panose="02040503050406030204" pitchFamily="18" charset="0"/>
              <a:ea typeface="Cambria" panose="02040503050406030204" pitchFamily="18" charset="0"/>
            </a:endParaRPr>
          </a:p>
          <a:p>
            <a:pPr marL="342900" indent="-190500" algn="just">
              <a:lnSpc>
                <a:spcPct val="200000"/>
              </a:lnSpc>
              <a:spcBef>
                <a:spcPts val="0"/>
              </a:spcBef>
              <a:buSzPct val="100000"/>
              <a:buFont typeface="Arial"/>
              <a:buNone/>
            </a:pPr>
            <a:endParaRPr lang="en-US" dirty="0">
              <a:latin typeface="Cambria" panose="02040503050406030204" pitchFamily="18" charset="0"/>
              <a:ea typeface="Cambria" panose="02040503050406030204" pitchFamily="18" charset="0"/>
            </a:endParaRPr>
          </a:p>
          <a:p>
            <a:pPr marL="342900" indent="-190500" algn="just">
              <a:lnSpc>
                <a:spcPct val="200000"/>
              </a:lnSpc>
              <a:spcBef>
                <a:spcPts val="0"/>
              </a:spcBef>
              <a:buSzPct val="100000"/>
              <a:buFont typeface="Arial"/>
              <a:buNone/>
            </a:pPr>
            <a:endParaRPr lang="en-US" dirty="0">
              <a:latin typeface="Cambria" panose="02040503050406030204" pitchFamily="18" charset="0"/>
              <a:ea typeface="Cambria" panose="02040503050406030204" pitchFamily="18" charset="0"/>
            </a:endParaRPr>
          </a:p>
          <a:p>
            <a:pPr marL="342900" indent="-190500" algn="just">
              <a:lnSpc>
                <a:spcPct val="200000"/>
              </a:lnSpc>
              <a:spcBef>
                <a:spcPts val="0"/>
              </a:spcBef>
              <a:buSzPct val="100000"/>
              <a:buFont typeface="Arial"/>
              <a:buNone/>
            </a:pPr>
            <a:endParaRPr lang="en-US" dirty="0">
              <a:latin typeface="Cambria" panose="02040503050406030204" pitchFamily="18" charset="0"/>
              <a:ea typeface="Cambria" panose="020405030504060302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856357337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>
                <a:latin typeface="+mj-lt"/>
              </a:rPr>
              <a:t>References</a:t>
            </a:r>
          </a:p>
        </p:txBody>
      </p:sp>
      <p:sp>
        <p:nvSpPr>
          <p:cNvPr id="4" name="Rectangle 1">
            <a:extLst>
              <a:ext uri="{FF2B5EF4-FFF2-40B4-BE49-F238E27FC236}">
                <a16:creationId xmlns:a16="http://schemas.microsoft.com/office/drawing/2014/main" id="{CED7B48F-8B91-CFA9-CF9C-E4341C01F044}"/>
              </a:ext>
            </a:extLst>
          </p:cNvPr>
          <p:cNvSpPr>
            <a:spLocks noGrp="1" noChangeArrowheads="1"/>
          </p:cNvSpPr>
          <p:nvPr>
            <p:ph idx="1"/>
          </p:nvPr>
        </p:nvSpPr>
        <p:spPr bwMode="auto">
          <a:xfrm>
            <a:off x="458316" y="967279"/>
            <a:ext cx="11275367" cy="532453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algn="just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kumimoji="0" lang="en-US" altLang="en-US" sz="1800" b="1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Dai, L., Zhu, H., &amp; Liu, D.</a:t>
            </a:r>
            <a:r>
              <a:rPr kumimoji="0" lang="en-US" altLang="en-US" sz="18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 (2020). </a:t>
            </a:r>
            <a:r>
              <a:rPr kumimoji="0" lang="en-US" altLang="en-US" sz="1800" b="0" i="1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Patient similarity: Methods and applications</a:t>
            </a:r>
            <a:r>
              <a:rPr kumimoji="0" lang="en-US" altLang="en-US" sz="18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. </a:t>
            </a:r>
            <a:r>
              <a:rPr kumimoji="0" lang="en-US" altLang="en-US" sz="1800" b="0" i="0" u="none" strike="noStrike" cap="none" normalizeH="0" baseline="0" dirty="0" err="1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arXiv</a:t>
            </a:r>
            <a:r>
              <a:rPr kumimoji="0" lang="en-US" altLang="en-US" sz="18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. </a:t>
            </a:r>
            <a:r>
              <a:rPr kumimoji="0" lang="en-US" altLang="en-US" sz="18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  <a:hlinkClick r:id="rId2"/>
              </a:rPr>
              <a:t>https://arxiv.org/abs/2012.01976</a:t>
            </a:r>
            <a:endParaRPr kumimoji="0" lang="en-US" altLang="en-US" sz="18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+mj-lt"/>
            </a:endParaRPr>
          </a:p>
          <a:p>
            <a:pPr algn="just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kumimoji="0" lang="en-US" altLang="en-US" sz="1800" b="1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Conroy, B., Xu-Wilson, M., &amp; Rahman, A.</a:t>
            </a:r>
            <a:r>
              <a:rPr kumimoji="0" lang="en-US" altLang="en-US" sz="18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 (2017). </a:t>
            </a:r>
            <a:r>
              <a:rPr kumimoji="0" lang="en-US" altLang="en-US" sz="1800" b="0" i="1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Patient similarity using population statistics and multiple kernel learning</a:t>
            </a:r>
            <a:r>
              <a:rPr kumimoji="0" lang="en-US" altLang="en-US" sz="18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. Proceedings of Machine Learning for Healthcare 2017 JMLR W&amp;C Track. https://proceedings.mlr.press/v68/conroy17a.html</a:t>
            </a:r>
          </a:p>
          <a:p>
            <a:pPr algn="just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kumimoji="0" lang="en-US" altLang="en-US" sz="1800" b="1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Siri, D. L., </a:t>
            </a:r>
            <a:r>
              <a:rPr kumimoji="0" lang="en-US" altLang="en-US" sz="1800" b="1" i="0" u="none" strike="noStrike" cap="none" normalizeH="0" baseline="0" dirty="0" err="1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Charitha</a:t>
            </a:r>
            <a:r>
              <a:rPr kumimoji="0" lang="en-US" altLang="en-US" sz="1800" b="1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, K., Varsha, K., &amp; Pramod, K.</a:t>
            </a:r>
            <a:r>
              <a:rPr kumimoji="0" lang="en-US" altLang="en-US" sz="18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 (2023). </a:t>
            </a:r>
            <a:r>
              <a:rPr kumimoji="0" lang="en-US" altLang="en-US" sz="1800" b="0" i="1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Improving clinical decision support through patient case similarity</a:t>
            </a:r>
            <a:r>
              <a:rPr kumimoji="0" lang="en-US" altLang="en-US" sz="18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. International Journal of Creative Research Thoughts, 11(12), 680-685. </a:t>
            </a:r>
            <a:r>
              <a:rPr kumimoji="0" lang="en-US" altLang="en-US" sz="18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  <a:hlinkClick r:id="rId3"/>
              </a:rPr>
              <a:t>https://www.ijcrt.org/IJCRT2312749</a:t>
            </a:r>
            <a:endParaRPr kumimoji="0" lang="en-US" altLang="en-US" sz="18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+mj-lt"/>
            </a:endParaRPr>
          </a:p>
          <a:p>
            <a:pPr algn="just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kumimoji="0" lang="en-US" altLang="en-US" sz="1800" b="1" i="0" u="none" strike="noStrike" cap="none" normalizeH="0" baseline="0" dirty="0" err="1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Seligson</a:t>
            </a:r>
            <a:r>
              <a:rPr kumimoji="0" lang="en-US" altLang="en-US" sz="1800" b="1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, N. D., Warner, J. L., Dalton, W. S., Martin, D., Miller, R. S., </a:t>
            </a:r>
            <a:r>
              <a:rPr kumimoji="0" lang="en-US" altLang="en-US" sz="1800" b="1" i="0" u="none" strike="noStrike" cap="none" normalizeH="0" baseline="0" dirty="0" err="1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Patt</a:t>
            </a:r>
            <a:r>
              <a:rPr kumimoji="0" lang="en-US" altLang="en-US" sz="1800" b="1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, D., ... Chen, J. L. </a:t>
            </a:r>
            <a:r>
              <a:rPr kumimoji="0" lang="en-US" altLang="en-US" sz="18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(2020). Recommendations for patient similarity classes: Results of the AMIA 2019 workshop on defining patient similarity. Journal of the American Medical Informatics Association, 27(11), 1808–1812. </a:t>
            </a:r>
            <a:r>
              <a:rPr kumimoji="0" lang="en-US" altLang="en-US" sz="18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  <a:hlinkClick r:id="rId4"/>
              </a:rPr>
              <a:t>https://doi.org/10.1093/jamia/ocaa159</a:t>
            </a:r>
            <a:endParaRPr kumimoji="0" lang="en-US" altLang="en-US" sz="18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+mj-lt"/>
            </a:endParaRPr>
          </a:p>
          <a:p>
            <a:pPr algn="just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kumimoji="0" lang="en-US" altLang="en-US" sz="1800" b="1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Mahima, V. B., </a:t>
            </a:r>
            <a:r>
              <a:rPr kumimoji="0" lang="en-US" altLang="en-US" sz="1800" b="1" i="0" u="none" strike="noStrike" cap="none" normalizeH="0" baseline="0" dirty="0" err="1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Jeevinee</a:t>
            </a:r>
            <a:r>
              <a:rPr kumimoji="0" lang="en-US" altLang="en-US" sz="1800" b="1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, V., &amp; Khan, M. S.</a:t>
            </a:r>
            <a:r>
              <a:rPr kumimoji="0" lang="en-US" altLang="en-US" sz="18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 (2024). Patient case similarity. International Research Journal of Modernization in Engineering Technology and Science, 6(1), 835–838. </a:t>
            </a:r>
            <a:r>
              <a:rPr kumimoji="0" lang="en-US" altLang="en-US" sz="18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  <a:hlinkClick r:id="rId5"/>
              </a:rPr>
              <a:t>https://doi.org/10.56726/IRJMETS48246</a:t>
            </a:r>
            <a:endParaRPr kumimoji="0" lang="en-US" altLang="en-US" sz="18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+mj-lt"/>
            </a:endParaRPr>
          </a:p>
          <a:p>
            <a:pPr algn="just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kumimoji="0" lang="en-US" altLang="en-US" sz="1800" b="1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Jia, Z., Zeng, X., Duan, H., Lu, X., &amp; Li, H. </a:t>
            </a:r>
            <a:r>
              <a:rPr kumimoji="0" lang="en-US" altLang="en-US" sz="18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(2020). A patient-similarity-based model for diagnostic prediction. International Journal of Medical Informatics, 135, Article 104073. </a:t>
            </a:r>
            <a:r>
              <a:rPr kumimoji="0" lang="en-US" altLang="en-US" sz="18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  <a:hlinkClick r:id="rId6"/>
              </a:rPr>
              <a:t>https://doi.org/10.1016/j.ijmedinf.2019.104073</a:t>
            </a:r>
            <a:endParaRPr kumimoji="0" lang="en-US" altLang="en-US" sz="18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+mj-lt"/>
            </a:endParaRPr>
          </a:p>
          <a:p>
            <a:pPr marL="0" indent="0" eaLnBrk="0" fontAlgn="base" hangingPunct="0">
              <a:spcBef>
                <a:spcPct val="0"/>
              </a:spcBef>
              <a:spcAft>
                <a:spcPct val="0"/>
              </a:spcAft>
              <a:buNone/>
            </a:pPr>
            <a:endParaRPr kumimoji="0" lang="en-US" altLang="en-US" sz="16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3613863315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6F10F70-0446-4AB9-C82F-EFD7D0420C8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References</a:t>
            </a:r>
            <a:endParaRPr lang="en-IN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2CF92AC-8569-4A47-3F95-774F6D1B642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6400" y="952501"/>
            <a:ext cx="11591332" cy="4952997"/>
          </a:xfrm>
        </p:spPr>
        <p:txBody>
          <a:bodyPr>
            <a:noAutofit/>
          </a:bodyPr>
          <a:lstStyle/>
          <a:p>
            <a:r>
              <a:rPr lang="en-IN" sz="1800" b="1" dirty="0">
                <a:latin typeface="+mj-lt"/>
              </a:rPr>
              <a:t>Liu, Y.</a:t>
            </a:r>
            <a:r>
              <a:rPr lang="en-IN" sz="1800" dirty="0">
                <a:latin typeface="+mj-lt"/>
              </a:rPr>
              <a:t> (2022). A family of algorithms for patient similarity based on electronic health records [Master’s thesis, Concordia University]. Concordia University Library. </a:t>
            </a:r>
            <a:r>
              <a:rPr lang="en-IN" sz="1800" dirty="0">
                <a:latin typeface="+mj-lt"/>
                <a:hlinkClick r:id="rId2"/>
              </a:rPr>
              <a:t>https://doi.org/10.1109/ACCESS.2022.3142100&amp;#8203;:contentReference[oaicite:0</a:t>
            </a:r>
            <a:r>
              <a:rPr lang="en-IN" sz="1800" dirty="0">
                <a:latin typeface="+mj-lt"/>
              </a:rPr>
              <a:t>]</a:t>
            </a:r>
          </a:p>
          <a:p>
            <a:r>
              <a:rPr lang="en-IN" sz="1800" b="1" dirty="0" err="1">
                <a:latin typeface="+mj-lt"/>
              </a:rPr>
              <a:t>Memarzadeh</a:t>
            </a:r>
            <a:r>
              <a:rPr lang="en-IN" sz="1800" b="1" dirty="0">
                <a:latin typeface="+mj-lt"/>
              </a:rPr>
              <a:t>, H., </a:t>
            </a:r>
            <a:r>
              <a:rPr lang="en-IN" sz="1800" b="1" dirty="0" err="1">
                <a:latin typeface="+mj-lt"/>
              </a:rPr>
              <a:t>Ghadiri</a:t>
            </a:r>
            <a:r>
              <a:rPr lang="en-IN" sz="1800" b="1" dirty="0">
                <a:latin typeface="+mj-lt"/>
              </a:rPr>
              <a:t>, N., </a:t>
            </a:r>
            <a:r>
              <a:rPr lang="en-IN" sz="1800" b="1" dirty="0" err="1">
                <a:latin typeface="+mj-lt"/>
              </a:rPr>
              <a:t>Samwald</a:t>
            </a:r>
            <a:r>
              <a:rPr lang="en-IN" sz="1800" b="1" dirty="0">
                <a:latin typeface="+mj-lt"/>
              </a:rPr>
              <a:t>, M., &amp; </a:t>
            </a:r>
            <a:r>
              <a:rPr lang="en-IN" sz="1800" b="1" dirty="0" err="1">
                <a:latin typeface="+mj-lt"/>
              </a:rPr>
              <a:t>Lotfi</a:t>
            </a:r>
            <a:r>
              <a:rPr lang="en-IN" sz="1800" b="1" dirty="0">
                <a:latin typeface="+mj-lt"/>
              </a:rPr>
              <a:t> </a:t>
            </a:r>
            <a:r>
              <a:rPr lang="en-IN" sz="1800" b="1" dirty="0" err="1">
                <a:latin typeface="+mj-lt"/>
              </a:rPr>
              <a:t>Shahreza</a:t>
            </a:r>
            <a:r>
              <a:rPr lang="en-IN" sz="1800" b="1" dirty="0">
                <a:latin typeface="+mj-lt"/>
              </a:rPr>
              <a:t>, M. </a:t>
            </a:r>
            <a:r>
              <a:rPr lang="en-IN" sz="1800" dirty="0">
                <a:latin typeface="+mj-lt"/>
              </a:rPr>
              <a:t>(2022). A study into patient similarity through representation learning from medical records. </a:t>
            </a:r>
            <a:r>
              <a:rPr lang="en-IN" sz="1800" dirty="0" err="1">
                <a:latin typeface="+mj-lt"/>
              </a:rPr>
              <a:t>arXiv</a:t>
            </a:r>
            <a:r>
              <a:rPr lang="en-IN" sz="1800" dirty="0">
                <a:latin typeface="+mj-lt"/>
              </a:rPr>
              <a:t>. </a:t>
            </a:r>
            <a:r>
              <a:rPr lang="en-IN" sz="1800" dirty="0">
                <a:latin typeface="+mj-lt"/>
                <a:hlinkClick r:id="rId3"/>
              </a:rPr>
              <a:t>https://doi.org/10.21203/rs.3.rs-1738458/v1&amp;#8203;:contentReference[oaicite:1</a:t>
            </a:r>
            <a:r>
              <a:rPr lang="en-IN" sz="1800" dirty="0">
                <a:latin typeface="+mj-lt"/>
              </a:rPr>
              <a:t>]</a:t>
            </a:r>
          </a:p>
          <a:p>
            <a:r>
              <a:rPr lang="en-IN" sz="1800" b="1" dirty="0" err="1">
                <a:latin typeface="+mj-lt"/>
              </a:rPr>
              <a:t>Haboubi</a:t>
            </a:r>
            <a:r>
              <a:rPr lang="en-IN" sz="1800" b="1" dirty="0">
                <a:latin typeface="+mj-lt"/>
              </a:rPr>
              <a:t>, S., &amp; Ben Cheikh, A. </a:t>
            </a:r>
            <a:r>
              <a:rPr lang="en-IN" sz="1800" dirty="0">
                <a:latin typeface="+mj-lt"/>
              </a:rPr>
              <a:t>(2021). Similarity of patients in predictive models using medical data: Case of auto-prescription drugs for diabetic patients. International Journal of Computers, 6, 33-38. </a:t>
            </a:r>
            <a:r>
              <a:rPr lang="en-IN" sz="1800" dirty="0">
                <a:latin typeface="+mj-lt"/>
                <a:hlinkClick r:id="rId4"/>
              </a:rPr>
              <a:t>https://www.iaras.org/iaras/journals/ijcOei</a:t>
            </a:r>
            <a:endParaRPr lang="en-IN" sz="1800" dirty="0">
              <a:latin typeface="+mj-lt"/>
            </a:endParaRPr>
          </a:p>
          <a:p>
            <a:r>
              <a:rPr lang="en-IN" sz="1800" b="1" dirty="0">
                <a:latin typeface="+mj-lt"/>
              </a:rPr>
              <a:t>R. W., Hsu, W., Lee, M. L., &amp; Tan, N. C. </a:t>
            </a:r>
            <a:r>
              <a:rPr lang="en-IN" sz="1800" dirty="0">
                <a:latin typeface="+mj-lt"/>
              </a:rPr>
              <a:t>(2023). Using similar patients to predict complication in patients with diabetes, hypertension, and lipid disorder: A domain knowledge-infused convolutional neural network approach. Journal of the American Medical Informatics Association, 30(2), 273–281. </a:t>
            </a:r>
            <a:r>
              <a:rPr lang="en-IN" sz="1800" dirty="0">
                <a:latin typeface="+mj-lt"/>
                <a:hlinkClick r:id="rId5"/>
              </a:rPr>
              <a:t>https://doi.org/10.1093/jamia/ocac212&amp;#8203;:contentReference[oaicite:0</a:t>
            </a:r>
            <a:r>
              <a:rPr lang="en-IN" sz="1800" dirty="0">
                <a:latin typeface="+mj-lt"/>
              </a:rPr>
              <a:t>]</a:t>
            </a:r>
          </a:p>
          <a:p>
            <a:r>
              <a:rPr kumimoji="0" lang="en-US" altLang="en-US" sz="1800" b="1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Wang, N., Huang, Y., Liu, H., Fei, X., Wei, L., Zhao, X., &amp; Chen, H. </a:t>
            </a:r>
            <a:r>
              <a:rPr kumimoji="0" lang="en-US" altLang="en-US" sz="18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(2019). Measurement and application of patient similarity in personalized predictive modeling based on electronic medical records. </a:t>
            </a:r>
            <a:r>
              <a:rPr kumimoji="0" lang="en-US" altLang="en-US" sz="1800" b="0" i="0" u="none" strike="noStrike" cap="none" normalizeH="0" baseline="0" dirty="0" err="1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BioMedical</a:t>
            </a:r>
            <a:r>
              <a:rPr kumimoji="0" lang="en-US" altLang="en-US" sz="18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 Engineering </a:t>
            </a:r>
            <a:r>
              <a:rPr kumimoji="0" lang="en-US" altLang="en-US" sz="1800" b="0" i="0" u="none" strike="noStrike" cap="none" normalizeH="0" baseline="0" dirty="0" err="1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OnLine</a:t>
            </a:r>
            <a:r>
              <a:rPr kumimoji="0" lang="en-US" altLang="en-US" sz="18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, 18(98), 1-15. </a:t>
            </a:r>
            <a:r>
              <a:rPr kumimoji="0" lang="en-US" altLang="en-US" sz="18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  <a:hlinkClick r:id="rId6"/>
              </a:rPr>
              <a:t>https://doi.org/10.1186/s12938-019-0718-2</a:t>
            </a:r>
            <a:endParaRPr kumimoji="0" lang="en-US" altLang="en-US" sz="18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+mj-lt"/>
            </a:endParaRPr>
          </a:p>
          <a:p>
            <a:endParaRPr lang="en-IN" sz="1800" dirty="0">
              <a:latin typeface="+mj-lt"/>
            </a:endParaRPr>
          </a:p>
          <a:p>
            <a:endParaRPr lang="en-IN" sz="1600" dirty="0"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3776723221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4338A02-66E7-D4A9-0B63-EC7A4969F9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latin typeface="+mj-lt"/>
              </a:rPr>
              <a:t>Project work mapping with SDG</a:t>
            </a:r>
            <a:endParaRPr lang="en-IN" dirty="0">
              <a:latin typeface="+mj-lt"/>
            </a:endParaRPr>
          </a:p>
        </p:txBody>
      </p:sp>
      <p:sp>
        <p:nvSpPr>
          <p:cNvPr id="4" name="AutoShape 2" descr="Image preview">
            <a:extLst>
              <a:ext uri="{FF2B5EF4-FFF2-40B4-BE49-F238E27FC236}">
                <a16:creationId xmlns:a16="http://schemas.microsoft.com/office/drawing/2014/main" id="{96B0E362-745E-C478-1396-BA189B715024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5943600" y="3276600"/>
            <a:ext cx="304800" cy="3048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IN"/>
          </a:p>
        </p:txBody>
      </p:sp>
      <p:sp>
        <p:nvSpPr>
          <p:cNvPr id="6" name="AutoShape 6" descr="Image preview">
            <a:extLst>
              <a:ext uri="{FF2B5EF4-FFF2-40B4-BE49-F238E27FC236}">
                <a16:creationId xmlns:a16="http://schemas.microsoft.com/office/drawing/2014/main" id="{EA944A2A-59CE-0D28-76C1-2B1B38111B31}"/>
              </a:ext>
            </a:extLst>
          </p:cNvPr>
          <p:cNvSpPr>
            <a:spLocks noGrp="1" noChangeAspect="1" noChangeArrowheads="1"/>
          </p:cNvSpPr>
          <p:nvPr>
            <p:ph type="body" idx="1"/>
          </p:nvPr>
        </p:nvSpPr>
        <p:spPr bwMode="auto">
          <a:xfrm>
            <a:off x="3165230" y="1537398"/>
            <a:ext cx="5385917" cy="219054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IN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90DEF78C-A0C4-EB04-02C4-4052E05259EB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l="1251" t="11524" r="2580" b="4136"/>
          <a:stretch/>
        </p:blipFill>
        <p:spPr>
          <a:xfrm>
            <a:off x="2280976" y="1143001"/>
            <a:ext cx="7918101" cy="4571998"/>
          </a:xfrm>
          <a:prstGeom prst="rect">
            <a:avLst/>
          </a:prstGeom>
        </p:spPr>
      </p:pic>
      <p:pic>
        <p:nvPicPr>
          <p:cNvPr id="1026" name="Picture 2">
            <a:extLst>
              <a:ext uri="{FF2B5EF4-FFF2-40B4-BE49-F238E27FC236}">
                <a16:creationId xmlns:a16="http://schemas.microsoft.com/office/drawing/2014/main" id="{1A469FF9-30A7-4AAB-0236-38D1992709FD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493" t="12161" r="493" b="27779"/>
          <a:stretch/>
        </p:blipFill>
        <p:spPr bwMode="auto">
          <a:xfrm>
            <a:off x="918368" y="1143001"/>
            <a:ext cx="10456863" cy="318783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795449471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0" indent="0" algn="ctr">
              <a:buNone/>
            </a:pPr>
            <a:endParaRPr lang="en-GB" sz="4400" dirty="0"/>
          </a:p>
          <a:p>
            <a:pPr marL="0" indent="0" algn="ctr">
              <a:buNone/>
            </a:pPr>
            <a:endParaRPr lang="en-GB" sz="4400" dirty="0"/>
          </a:p>
          <a:p>
            <a:pPr marL="0" indent="0" algn="ctr">
              <a:buNone/>
            </a:pPr>
            <a:r>
              <a:rPr lang="en-GB" sz="6000" dirty="0"/>
              <a:t>Thank You</a:t>
            </a:r>
          </a:p>
        </p:txBody>
      </p:sp>
    </p:spTree>
    <p:extLst>
      <p:ext uri="{BB962C8B-B14F-4D97-AF65-F5344CB8AC3E}">
        <p14:creationId xmlns:p14="http://schemas.microsoft.com/office/powerpoint/2010/main" val="369167232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12800" y="284686"/>
            <a:ext cx="10668000" cy="487362"/>
          </a:xfrm>
        </p:spPr>
        <p:txBody>
          <a:bodyPr/>
          <a:lstStyle/>
          <a:p>
            <a:r>
              <a:rPr lang="en-GB" dirty="0">
                <a:latin typeface="Times New Roman" panose="02020603050405020304" pitchFamily="18" charset="0"/>
                <a:cs typeface="Times New Roman" panose="02020603050405020304" pitchFamily="18" charset="0"/>
              </a:rPr>
              <a:t>Introduct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12800" y="1041470"/>
            <a:ext cx="10401160" cy="4775059"/>
          </a:xfrm>
        </p:spPr>
        <p:txBody>
          <a:bodyPr>
            <a:noAutofit/>
          </a:bodyPr>
          <a:lstStyle/>
          <a:p>
            <a:r>
              <a:rPr lang="en-US" sz="20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Goal:</a:t>
            </a:r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</a:p>
          <a:p>
            <a:pPr marL="0" indent="0">
              <a:buNone/>
            </a:pPr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         Find similar patient cases for personalized care.</a:t>
            </a:r>
          </a:p>
          <a:p>
            <a:r>
              <a:rPr lang="en-US" sz="20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Data Used:</a:t>
            </a:r>
          </a:p>
          <a:p>
            <a:pPr marL="0" indent="0">
              <a:buNone/>
            </a:pPr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         Analyze both structured data (like patient info) and unstructured data (like clinical notes).</a:t>
            </a:r>
          </a:p>
          <a:p>
            <a:r>
              <a:rPr lang="en-US" sz="20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Similarity:</a:t>
            </a:r>
          </a:p>
          <a:p>
            <a:pPr marL="0" indent="0">
              <a:buNone/>
            </a:pPr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         Use Cosine Similarity to measure how close patients are in terms of data.</a:t>
            </a:r>
          </a:p>
          <a:p>
            <a:r>
              <a:rPr lang="en-US" sz="20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NLP:</a:t>
            </a:r>
          </a:p>
          <a:p>
            <a:pPr marL="0" indent="0">
              <a:buNone/>
            </a:pPr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         Turn clinical notes into numbers for easy comparison.</a:t>
            </a:r>
          </a:p>
          <a:p>
            <a:r>
              <a:rPr lang="en-US" sz="20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Web App:</a:t>
            </a:r>
          </a:p>
          <a:p>
            <a:pPr marL="0" indent="0">
              <a:buNone/>
            </a:pPr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         A Python Flask-based app where doctors can get real-time similarity scores.</a:t>
            </a:r>
          </a:p>
          <a:p>
            <a:r>
              <a:rPr lang="en-US" sz="20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Benefit:</a:t>
            </a:r>
          </a:p>
          <a:p>
            <a:pPr marL="0" indent="0">
              <a:buNone/>
            </a:pPr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         Helps doctors make better decisions and provide personalized treatment faster.</a:t>
            </a:r>
            <a:endParaRPr lang="en-GB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63348723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>
                <a:latin typeface="Times New Roman" panose="02020603050405020304" pitchFamily="18" charset="0"/>
                <a:cs typeface="Times New Roman" panose="02020603050405020304" pitchFamily="18" charset="0"/>
              </a:rPr>
              <a:t>Literature Review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12800" y="972179"/>
            <a:ext cx="11379200" cy="5961183"/>
          </a:xfrm>
        </p:spPr>
        <p:txBody>
          <a:bodyPr>
            <a:noAutofit/>
          </a:bodyPr>
          <a:lstStyle/>
          <a:p>
            <a:pPr marL="0" indent="0">
              <a:buNone/>
            </a:pPr>
            <a:r>
              <a:rPr lang="en-US" sz="20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Objective:</a:t>
            </a:r>
          </a:p>
          <a:p>
            <a:pPr marL="0" indent="0">
              <a:buNone/>
            </a:pPr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     Use machine learning and NLP to compare patient cases in healthcare.</a:t>
            </a:r>
          </a:p>
          <a:p>
            <a:pPr marL="0" indent="0">
              <a:buNone/>
            </a:pPr>
            <a:r>
              <a:rPr lang="en-US" sz="20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ML Techniques:</a:t>
            </a:r>
          </a:p>
          <a:p>
            <a:pPr marL="0" indent="0">
              <a:buNone/>
            </a:pPr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     Analyze large datasets and predict outcomes.</a:t>
            </a:r>
          </a:p>
          <a:p>
            <a:pPr marL="0" indent="0">
              <a:buNone/>
            </a:pPr>
            <a:r>
              <a:rPr lang="en-US" sz="20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Similarity Measures:</a:t>
            </a:r>
          </a:p>
          <a:p>
            <a:pPr marL="0" indent="0">
              <a:buNone/>
            </a:pPr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     Use cosine similarity or Euclidean distance for case comparison.</a:t>
            </a:r>
          </a:p>
          <a:p>
            <a:pPr marL="0" indent="0">
              <a:buNone/>
            </a:pPr>
            <a:r>
              <a:rPr lang="en-US" sz="20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NLP Models:</a:t>
            </a:r>
          </a:p>
          <a:p>
            <a:pPr marL="0" indent="0">
              <a:buNone/>
            </a:pPr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     BERT improves text analysis of medical terms.</a:t>
            </a:r>
          </a:p>
          <a:p>
            <a:pPr marL="0" indent="0">
              <a:buNone/>
            </a:pPr>
            <a:r>
              <a:rPr lang="en-US" sz="20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Applications:</a:t>
            </a:r>
          </a:p>
          <a:p>
            <a:pPr marL="0" indent="0">
              <a:buNone/>
            </a:pPr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     Detect rare diseases and predict treatment outcomes.</a:t>
            </a:r>
          </a:p>
          <a:p>
            <a:pPr marL="0" indent="0">
              <a:buNone/>
            </a:pPr>
            <a:r>
              <a:rPr lang="en-US" sz="20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Challenges:</a:t>
            </a:r>
          </a:p>
          <a:p>
            <a:pPr marL="0" indent="0">
              <a:buNone/>
            </a:pPr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     Address data privacy, integration, and model interpretability.</a:t>
            </a:r>
          </a:p>
          <a:p>
            <a:pPr marL="0" indent="0">
              <a:buNone/>
            </a:pPr>
            <a:r>
              <a:rPr lang="en-US" sz="20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Future Focus:</a:t>
            </a:r>
          </a:p>
          <a:p>
            <a:pPr marL="0" indent="0">
              <a:buNone/>
            </a:pPr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     Make models more understandable while ensuring data security.</a:t>
            </a:r>
            <a:endParaRPr lang="en-GB" sz="20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76771116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8591458-3602-B88D-69F2-536F2B2C1F1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latin typeface="Times New Roman" panose="02020603050405020304" pitchFamily="18" charset="0"/>
                <a:cs typeface="Times New Roman" panose="02020603050405020304" pitchFamily="18" charset="0"/>
              </a:rPr>
              <a:t>Existing method Drawback</a:t>
            </a:r>
            <a:endParaRPr lang="en-IN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B8BBEEA-9AE3-9AD1-DBF4-A2CC98EF1B9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Data Sparsity</a:t>
            </a:r>
          </a:p>
          <a:p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Difficulty in Distinguishing Overlapping Symptoms </a:t>
            </a:r>
          </a:p>
          <a:p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High Dimensionality and Complexity</a:t>
            </a:r>
          </a:p>
          <a:p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Kernel Selection Challenge</a:t>
            </a:r>
          </a:p>
          <a:p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Limited Generalization</a:t>
            </a:r>
          </a:p>
          <a:p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Context-Dependent Similarity Definitions</a:t>
            </a:r>
          </a:p>
        </p:txBody>
      </p:sp>
    </p:spTree>
    <p:extLst>
      <p:ext uri="{BB962C8B-B14F-4D97-AF65-F5344CB8AC3E}">
        <p14:creationId xmlns:p14="http://schemas.microsoft.com/office/powerpoint/2010/main" val="163766621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9CD99655-8B18-7305-1BB0-7CCFABE9A3F7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C1A75BB-7D95-F9A6-2FC8-C5BB3D4A6A3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latin typeface="Times New Roman" panose="02020603050405020304" pitchFamily="18" charset="0"/>
                <a:cs typeface="Times New Roman" panose="02020603050405020304" pitchFamily="18" charset="0"/>
              </a:rPr>
              <a:t>Existing method Drawback</a:t>
            </a:r>
            <a:endParaRPr lang="en-IN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FC4FFAC-EE1D-A9E5-546B-592D251AEDE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Heterogeneous Data Integration </a:t>
            </a:r>
          </a:p>
          <a:p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High Data Requirements </a:t>
            </a:r>
          </a:p>
          <a:p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Complexity of Medical Text</a:t>
            </a:r>
          </a:p>
          <a:p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Data Privacy and Security</a:t>
            </a:r>
          </a:p>
          <a:p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Evaluation and Interpretability</a:t>
            </a:r>
          </a:p>
        </p:txBody>
      </p:sp>
    </p:spTree>
    <p:extLst>
      <p:ext uri="{BB962C8B-B14F-4D97-AF65-F5344CB8AC3E}">
        <p14:creationId xmlns:p14="http://schemas.microsoft.com/office/powerpoint/2010/main" val="1136619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>
                <a:latin typeface="+mj-lt"/>
              </a:rPr>
              <a:t>Proposed Method</a:t>
            </a:r>
          </a:p>
        </p:txBody>
      </p:sp>
      <p:graphicFrame>
        <p:nvGraphicFramePr>
          <p:cNvPr id="13" name="Content Placeholder 12">
            <a:extLst>
              <a:ext uri="{FF2B5EF4-FFF2-40B4-BE49-F238E27FC236}">
                <a16:creationId xmlns:a16="http://schemas.microsoft.com/office/drawing/2014/main" id="{92B8A707-710B-8F59-CEB5-975B78AF4178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745747630"/>
              </p:ext>
            </p:extLst>
          </p:nvPr>
        </p:nvGraphicFramePr>
        <p:xfrm>
          <a:off x="812800" y="974692"/>
          <a:ext cx="10667999" cy="5134989"/>
        </p:xfrm>
        <a:graphic>
          <a:graphicData uri="http://schemas.openxmlformats.org/drawingml/2006/table">
            <a:tbl>
              <a:tblPr firstRow="1" firstCol="1" lastRow="1" lastCol="1" bandRow="1" bandCol="1">
                <a:tableStyleId>{5C22544A-7EE6-4342-B048-85BDC9FD1C3A}</a:tableStyleId>
              </a:tblPr>
              <a:tblGrid>
                <a:gridCol w="229909">
                  <a:extLst>
                    <a:ext uri="{9D8B030D-6E8A-4147-A177-3AD203B41FA5}">
                      <a16:colId xmlns:a16="http://schemas.microsoft.com/office/drawing/2014/main" val="1599095298"/>
                    </a:ext>
                  </a:extLst>
                </a:gridCol>
                <a:gridCol w="2064942">
                  <a:extLst>
                    <a:ext uri="{9D8B030D-6E8A-4147-A177-3AD203B41FA5}">
                      <a16:colId xmlns:a16="http://schemas.microsoft.com/office/drawing/2014/main" val="789050363"/>
                    </a:ext>
                  </a:extLst>
                </a:gridCol>
                <a:gridCol w="1475104">
                  <a:extLst>
                    <a:ext uri="{9D8B030D-6E8A-4147-A177-3AD203B41FA5}">
                      <a16:colId xmlns:a16="http://schemas.microsoft.com/office/drawing/2014/main" val="2188885904"/>
                    </a:ext>
                  </a:extLst>
                </a:gridCol>
                <a:gridCol w="1410609">
                  <a:extLst>
                    <a:ext uri="{9D8B030D-6E8A-4147-A177-3AD203B41FA5}">
                      <a16:colId xmlns:a16="http://schemas.microsoft.com/office/drawing/2014/main" val="46900963"/>
                    </a:ext>
                  </a:extLst>
                </a:gridCol>
                <a:gridCol w="2653734">
                  <a:extLst>
                    <a:ext uri="{9D8B030D-6E8A-4147-A177-3AD203B41FA5}">
                      <a16:colId xmlns:a16="http://schemas.microsoft.com/office/drawing/2014/main" val="3341389970"/>
                    </a:ext>
                  </a:extLst>
                </a:gridCol>
                <a:gridCol w="2833701">
                  <a:extLst>
                    <a:ext uri="{9D8B030D-6E8A-4147-A177-3AD203B41FA5}">
                      <a16:colId xmlns:a16="http://schemas.microsoft.com/office/drawing/2014/main" val="2060424289"/>
                    </a:ext>
                  </a:extLst>
                </a:gridCol>
              </a:tblGrid>
              <a:tr h="221062">
                <a:tc>
                  <a:txBody>
                    <a:bodyPr/>
                    <a:lstStyle/>
                    <a:p>
                      <a:pPr marL="67945" marR="75565">
                        <a:lnSpc>
                          <a:spcPct val="106000"/>
                        </a:lnSpc>
                        <a:spcBef>
                          <a:spcPts val="5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 </a:t>
                      </a:r>
                      <a:endParaRPr lang="en-IN" sz="1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67945">
                        <a:lnSpc>
                          <a:spcPts val="1340"/>
                        </a:lnSpc>
                        <a:spcBef>
                          <a:spcPts val="5"/>
                        </a:spcBef>
                        <a:spcAft>
                          <a:spcPts val="0"/>
                        </a:spcAft>
                      </a:pPr>
                      <a:r>
                        <a:rPr lang="en-US" sz="1000" spc="-20" dirty="0">
                          <a:effectLst/>
                        </a:rPr>
                        <a:t>Journal</a:t>
                      </a:r>
                      <a:endParaRPr lang="en-IN" sz="1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67310">
                        <a:lnSpc>
                          <a:spcPts val="1340"/>
                        </a:lnSpc>
                        <a:spcBef>
                          <a:spcPts val="5"/>
                        </a:spcBef>
                        <a:spcAft>
                          <a:spcPts val="0"/>
                        </a:spcAft>
                      </a:pPr>
                      <a:r>
                        <a:rPr lang="en-US" sz="1000" spc="-10">
                          <a:effectLst/>
                        </a:rPr>
                        <a:t>Methodology</a:t>
                      </a:r>
                      <a:endParaRPr lang="en-IN" sz="10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66675">
                        <a:lnSpc>
                          <a:spcPts val="1340"/>
                        </a:lnSpc>
                        <a:spcBef>
                          <a:spcPts val="5"/>
                        </a:spcBef>
                      </a:pPr>
                      <a:r>
                        <a:rPr lang="en-US" sz="1000" spc="-10">
                          <a:effectLst/>
                        </a:rPr>
                        <a:t>Models</a:t>
                      </a:r>
                      <a:endParaRPr lang="en-IN" sz="10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66040">
                        <a:lnSpc>
                          <a:spcPts val="1340"/>
                        </a:lnSpc>
                        <a:spcBef>
                          <a:spcPts val="5"/>
                        </a:spcBef>
                        <a:spcAft>
                          <a:spcPts val="0"/>
                        </a:spcAft>
                      </a:pPr>
                      <a:r>
                        <a:rPr lang="en-US" sz="1000" spc="-10">
                          <a:effectLst/>
                        </a:rPr>
                        <a:t>Evaluation Metrics</a:t>
                      </a:r>
                      <a:endParaRPr lang="en-IN" sz="10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65405">
                        <a:lnSpc>
                          <a:spcPct val="106000"/>
                        </a:lnSpc>
                        <a:spcBef>
                          <a:spcPts val="5"/>
                        </a:spcBef>
                        <a:spcAft>
                          <a:spcPts val="0"/>
                        </a:spcAft>
                      </a:pPr>
                      <a:r>
                        <a:rPr lang="en-US" sz="1000" spc="-10">
                          <a:effectLst/>
                        </a:rPr>
                        <a:t>Drawbacks or Challenges</a:t>
                      </a:r>
                      <a:endParaRPr lang="en-IN" sz="10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extLst>
                  <a:ext uri="{0D108BD9-81ED-4DB2-BD59-A6C34878D82A}">
                    <a16:rowId xmlns:a16="http://schemas.microsoft.com/office/drawing/2014/main" val="1860148455"/>
                  </a:ext>
                </a:extLst>
              </a:tr>
              <a:tr h="509414">
                <a:tc>
                  <a:txBody>
                    <a:bodyPr/>
                    <a:lstStyle/>
                    <a:p>
                      <a:pPr marL="67945">
                        <a:lnSpc>
                          <a:spcPts val="1340"/>
                        </a:lnSpc>
                      </a:pPr>
                      <a:endParaRPr lang="en-US" sz="1000" spc="-50" dirty="0">
                        <a:effectLst/>
                      </a:endParaRPr>
                    </a:p>
                    <a:p>
                      <a:pPr marL="67945">
                        <a:lnSpc>
                          <a:spcPts val="1340"/>
                        </a:lnSpc>
                      </a:pPr>
                      <a:r>
                        <a:rPr lang="en-US" sz="1000" spc="-50" dirty="0">
                          <a:effectLst/>
                        </a:rPr>
                        <a:t>1</a:t>
                      </a:r>
                      <a:endParaRPr lang="en-IN" sz="1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67945" marR="74295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en-US" sz="1000" b="1" spc="-10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7945" marR="74295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000" b="1" spc="-10" dirty="0">
                          <a:solidFill>
                            <a:schemeClr val="tx1"/>
                          </a:solidFill>
                          <a:effectLst/>
                        </a:rPr>
                        <a:t>Journal Of Biomedical Informatics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7310">
                        <a:lnSpc>
                          <a:spcPts val="1340"/>
                        </a:lnSpc>
                      </a:pPr>
                      <a:endParaRPr lang="en-US" sz="1000" b="1" spc="-20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7310">
                        <a:lnSpc>
                          <a:spcPts val="1340"/>
                        </a:lnSpc>
                      </a:pPr>
                      <a:r>
                        <a:rPr lang="en-US" sz="1000" b="1" spc="-20" dirty="0">
                          <a:solidFill>
                            <a:schemeClr val="tx1"/>
                          </a:solidFill>
                          <a:effectLst/>
                        </a:rPr>
                        <a:t>Deep Learning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6675" marR="368300">
                        <a:lnSpc>
                          <a:spcPct val="107000"/>
                        </a:lnSpc>
                      </a:pPr>
                      <a:endParaRPr lang="en-US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 marR="368300">
                        <a:lnSpc>
                          <a:spcPct val="10700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1. RNN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 marR="368300">
                        <a:lnSpc>
                          <a:spcPct val="10700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2. GNN 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6040">
                        <a:lnSpc>
                          <a:spcPts val="1340"/>
                        </a:lnSpc>
                      </a:pPr>
                      <a:endParaRPr lang="en-US" sz="1000" b="1" spc="-20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040">
                        <a:lnSpc>
                          <a:spcPts val="1340"/>
                        </a:lnSpc>
                      </a:pPr>
                      <a:r>
                        <a:rPr lang="en-US" sz="1000" b="1" spc="-20" dirty="0">
                          <a:solidFill>
                            <a:schemeClr val="tx1"/>
                          </a:solidFill>
                          <a:effectLst/>
                        </a:rPr>
                        <a:t>               Cross validation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5405">
                        <a:lnSpc>
                          <a:spcPts val="1340"/>
                        </a:lnSpc>
                      </a:pPr>
                      <a:endParaRPr lang="en-US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5405">
                        <a:lnSpc>
                          <a:spcPts val="134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Data Sparsity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660993918"/>
                  </a:ext>
                </a:extLst>
              </a:tr>
              <a:tr h="887307">
                <a:tc>
                  <a:txBody>
                    <a:bodyPr/>
                    <a:lstStyle/>
                    <a:p>
                      <a:pPr marL="67945">
                        <a:lnSpc>
                          <a:spcPts val="1340"/>
                        </a:lnSpc>
                      </a:pPr>
                      <a:endParaRPr lang="en-US" sz="1000" spc="-50" dirty="0">
                        <a:effectLst/>
                      </a:endParaRPr>
                    </a:p>
                    <a:p>
                      <a:pPr marL="67945">
                        <a:lnSpc>
                          <a:spcPts val="1340"/>
                        </a:lnSpc>
                      </a:pPr>
                      <a:r>
                        <a:rPr lang="en-US" sz="1000" spc="-50" dirty="0">
                          <a:effectLst/>
                        </a:rPr>
                        <a:t>2</a:t>
                      </a:r>
                      <a:endParaRPr lang="en-IN" sz="1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67945">
                        <a:lnSpc>
                          <a:spcPct val="107000"/>
                        </a:lnSpc>
                      </a:pPr>
                      <a:endParaRPr lang="en-US" sz="1000" b="1" spc="-20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7945">
                        <a:lnSpc>
                          <a:spcPct val="107000"/>
                        </a:lnSpc>
                      </a:pPr>
                      <a:r>
                        <a:rPr lang="en-US" sz="1000" b="1" spc="-20" dirty="0">
                          <a:solidFill>
                            <a:schemeClr val="tx1"/>
                          </a:solidFill>
                          <a:effectLst/>
                        </a:rPr>
                        <a:t>International Journal of Medical Informatics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7310">
                        <a:lnSpc>
                          <a:spcPct val="107000"/>
                        </a:lnSpc>
                      </a:pPr>
                      <a:endParaRPr lang="en-US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7310">
                        <a:lnSpc>
                          <a:spcPct val="10700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Prediction Based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6675">
                        <a:lnSpc>
                          <a:spcPct val="107000"/>
                        </a:lnSpc>
                      </a:pPr>
                      <a:endParaRPr lang="en-US" sz="1000" b="1" spc="-10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>
                        <a:lnSpc>
                          <a:spcPct val="107000"/>
                        </a:lnSpc>
                      </a:pPr>
                      <a:r>
                        <a:rPr lang="en-US" sz="1000" b="1" spc="-10" dirty="0">
                          <a:solidFill>
                            <a:schemeClr val="tx1"/>
                          </a:solidFill>
                          <a:effectLst/>
                        </a:rPr>
                        <a:t>1. Diagnostic Prediction.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>
                        <a:lnSpc>
                          <a:spcPct val="107000"/>
                        </a:lnSpc>
                      </a:pPr>
                      <a:r>
                        <a:rPr lang="en-US" sz="1000" b="1" spc="-10" dirty="0">
                          <a:solidFill>
                            <a:schemeClr val="tx1"/>
                          </a:solidFill>
                          <a:effectLst/>
                        </a:rPr>
                        <a:t>2. Prediction model.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6040">
                        <a:lnSpc>
                          <a:spcPts val="1340"/>
                        </a:lnSpc>
                      </a:pPr>
                      <a:endParaRPr lang="en-US" sz="1000" b="1" spc="-20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040">
                        <a:lnSpc>
                          <a:spcPts val="1340"/>
                        </a:lnSpc>
                      </a:pPr>
                      <a:r>
                        <a:rPr lang="en-US" sz="1000" b="1" spc="-20" dirty="0">
                          <a:solidFill>
                            <a:schemeClr val="tx1"/>
                          </a:solidFill>
                          <a:effectLst/>
                        </a:rPr>
                        <a:t>1. Performance Evaluation for testing [F1 score].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040">
                        <a:lnSpc>
                          <a:spcPts val="1340"/>
                        </a:lnSpc>
                      </a:pPr>
                      <a:r>
                        <a:rPr lang="en-US" sz="1000" b="1" spc="-20" dirty="0">
                          <a:solidFill>
                            <a:schemeClr val="tx1"/>
                          </a:solidFill>
                          <a:effectLst/>
                        </a:rPr>
                        <a:t>2. Supervised Metrics.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040">
                        <a:lnSpc>
                          <a:spcPts val="134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6675">
                        <a:lnSpc>
                          <a:spcPts val="1340"/>
                        </a:lnSpc>
                      </a:pPr>
                      <a:endParaRPr lang="en-US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>
                        <a:lnSpc>
                          <a:spcPts val="134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Model faces difficulties in   measuring qualitative similarity due to complexity of EHR data, which includes structured and unstructured data. 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402496656"/>
                  </a:ext>
                </a:extLst>
              </a:tr>
              <a:tr h="1014883">
                <a:tc>
                  <a:txBody>
                    <a:bodyPr/>
                    <a:lstStyle/>
                    <a:p>
                      <a:pPr marL="67945">
                        <a:lnSpc>
                          <a:spcPts val="1340"/>
                        </a:lnSpc>
                      </a:pPr>
                      <a:r>
                        <a:rPr lang="en-US" sz="1000" spc="-50" dirty="0">
                          <a:effectLst/>
                        </a:rPr>
                        <a:t> </a:t>
                      </a:r>
                      <a:endParaRPr lang="en-IN" sz="1000" dirty="0">
                        <a:effectLst/>
                      </a:endParaRPr>
                    </a:p>
                    <a:p>
                      <a:pPr marL="66675">
                        <a:lnSpc>
                          <a:spcPts val="1340"/>
                        </a:lnSpc>
                      </a:pPr>
                      <a:r>
                        <a:rPr lang="en-US" sz="1000" spc="-50" dirty="0">
                          <a:effectLst/>
                        </a:rPr>
                        <a:t>3</a:t>
                      </a:r>
                      <a:endParaRPr lang="en-IN" sz="1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67945" marR="370205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7945" marR="370205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Patient Similarity Methods and Application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7310" marR="134620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7310" marR="134620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 Clustering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6675" marR="188595">
                        <a:lnSpc>
                          <a:spcPct val="10700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 marR="188595">
                        <a:lnSpc>
                          <a:spcPct val="10700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1. CNN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 marR="188595">
                        <a:lnSpc>
                          <a:spcPct val="10700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2. KNN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 marR="188595">
                        <a:lnSpc>
                          <a:spcPct val="10700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3. SOM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 marR="188595">
                        <a:lnSpc>
                          <a:spcPct val="10700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6675">
                        <a:lnSpc>
                          <a:spcPts val="1340"/>
                        </a:lnSpc>
                      </a:pPr>
                      <a:r>
                        <a:rPr lang="en-US" sz="1000" b="1" spc="-20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>
                        <a:lnSpc>
                          <a:spcPts val="1340"/>
                        </a:lnSpc>
                      </a:pPr>
                      <a:r>
                        <a:rPr lang="en-US" sz="1000" b="1" spc="-20" dirty="0">
                          <a:solidFill>
                            <a:schemeClr val="tx1"/>
                          </a:solidFill>
                          <a:effectLst/>
                        </a:rPr>
                        <a:t>1. Accuracy and F1 score.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>
                        <a:lnSpc>
                          <a:spcPts val="1340"/>
                        </a:lnSpc>
                      </a:pPr>
                      <a:r>
                        <a:rPr lang="en-US" sz="1000" b="1" spc="-20" dirty="0">
                          <a:solidFill>
                            <a:schemeClr val="tx1"/>
                          </a:solidFill>
                          <a:effectLst/>
                        </a:rPr>
                        <a:t>2. Unsupervised Metrics [Euclidean, K-means, Cosine and </a:t>
                      </a:r>
                      <a:r>
                        <a:rPr lang="en-US" sz="1000" b="1" spc="-20" dirty="0" err="1">
                          <a:solidFill>
                            <a:schemeClr val="tx1"/>
                          </a:solidFill>
                          <a:effectLst/>
                        </a:rPr>
                        <a:t>Mahalanobis</a:t>
                      </a:r>
                      <a:r>
                        <a:rPr lang="en-US" sz="1000" b="1" spc="-20" dirty="0">
                          <a:solidFill>
                            <a:schemeClr val="tx1"/>
                          </a:solidFill>
                          <a:effectLst/>
                        </a:rPr>
                        <a:t>]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5405">
                        <a:lnSpc>
                          <a:spcPts val="134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1. Data Heterogeneity and inconsistency.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5405">
                        <a:lnSpc>
                          <a:spcPts val="134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2. Limited clinical and research.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5405">
                        <a:lnSpc>
                          <a:spcPts val="134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3. Labeling difficulty.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5405">
                        <a:lnSpc>
                          <a:spcPts val="134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4. Some data integration methods may result in loss of important information.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473393075"/>
                  </a:ext>
                </a:extLst>
              </a:tr>
              <a:tr h="1024932">
                <a:tc>
                  <a:txBody>
                    <a:bodyPr/>
                    <a:lstStyle/>
                    <a:p>
                      <a:pPr marL="66675">
                        <a:lnSpc>
                          <a:spcPts val="1340"/>
                        </a:lnSpc>
                        <a:spcBef>
                          <a:spcPts val="5"/>
                        </a:spcBef>
                        <a:spcAft>
                          <a:spcPts val="0"/>
                        </a:spcAft>
                      </a:pPr>
                      <a:r>
                        <a:rPr lang="en-US" sz="1000" spc="-50" dirty="0">
                          <a:effectLst/>
                        </a:rPr>
                        <a:t>4</a:t>
                      </a:r>
                      <a:endParaRPr lang="en-IN" sz="1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67945">
                        <a:lnSpc>
                          <a:spcPct val="106000"/>
                        </a:lnSpc>
                        <a:spcBef>
                          <a:spcPts val="5"/>
                        </a:spcBef>
                        <a:spcAft>
                          <a:spcPts val="0"/>
                        </a:spcAft>
                      </a:pPr>
                      <a:r>
                        <a:rPr lang="en-US" sz="1000" b="1" spc="-10" dirty="0">
                          <a:solidFill>
                            <a:schemeClr val="tx1"/>
                          </a:solidFill>
                          <a:effectLst/>
                        </a:rPr>
                        <a:t>Improving Clinical Decision Support Through Patient Case Similarity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7310" marR="325755">
                        <a:lnSpc>
                          <a:spcPct val="106000"/>
                        </a:lnSpc>
                        <a:spcBef>
                          <a:spcPts val="5"/>
                        </a:spcBef>
                        <a:spcAft>
                          <a:spcPts val="0"/>
                        </a:spcAft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 Machine  Learning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6675">
                        <a:lnSpc>
                          <a:spcPct val="106000"/>
                        </a:lnSpc>
                        <a:spcBef>
                          <a:spcPts val="5"/>
                        </a:spcBef>
                      </a:pPr>
                      <a:r>
                        <a:rPr lang="en-US" sz="1000" b="1" spc="-10" dirty="0">
                          <a:solidFill>
                            <a:schemeClr val="tx1"/>
                          </a:solidFill>
                          <a:effectLst/>
                        </a:rPr>
                        <a:t>1. Random Forest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>
                        <a:lnSpc>
                          <a:spcPct val="106000"/>
                        </a:lnSpc>
                        <a:spcBef>
                          <a:spcPts val="5"/>
                        </a:spcBef>
                      </a:pPr>
                      <a:r>
                        <a:rPr lang="en-US" sz="1000" b="1" spc="-10" dirty="0">
                          <a:solidFill>
                            <a:schemeClr val="tx1"/>
                          </a:solidFill>
                          <a:effectLst/>
                        </a:rPr>
                        <a:t>2. Decision Tree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>
                        <a:lnSpc>
                          <a:spcPct val="106000"/>
                        </a:lnSpc>
                        <a:spcBef>
                          <a:spcPts val="5"/>
                        </a:spcBef>
                      </a:pPr>
                      <a:r>
                        <a:rPr lang="en-US" sz="1000" b="1" spc="-10" dirty="0">
                          <a:solidFill>
                            <a:schemeClr val="tx1"/>
                          </a:solidFill>
                          <a:effectLst/>
                        </a:rPr>
                        <a:t>3. SVM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>
                        <a:lnSpc>
                          <a:spcPct val="106000"/>
                        </a:lnSpc>
                        <a:spcBef>
                          <a:spcPts val="5"/>
                        </a:spcBef>
                      </a:pPr>
                      <a:r>
                        <a:rPr lang="en-US" sz="1000" b="1" spc="-10" dirty="0">
                          <a:solidFill>
                            <a:schemeClr val="tx1"/>
                          </a:solidFill>
                          <a:effectLst/>
                        </a:rPr>
                        <a:t>4. Naïve Bayes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6040">
                        <a:lnSpc>
                          <a:spcPts val="1340"/>
                        </a:lnSpc>
                        <a:spcBef>
                          <a:spcPts val="5"/>
                        </a:spcBef>
                        <a:spcAft>
                          <a:spcPts val="0"/>
                        </a:spcAft>
                      </a:pPr>
                      <a:r>
                        <a:rPr lang="en-US" sz="1000" b="1" spc="-20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040">
                        <a:lnSpc>
                          <a:spcPts val="1340"/>
                        </a:lnSpc>
                        <a:spcBef>
                          <a:spcPts val="5"/>
                        </a:spcBef>
                        <a:spcAft>
                          <a:spcPts val="0"/>
                        </a:spcAft>
                      </a:pPr>
                      <a:r>
                        <a:rPr lang="en-US" sz="1000" b="1" spc="-20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040">
                        <a:lnSpc>
                          <a:spcPts val="1340"/>
                        </a:lnSpc>
                        <a:spcBef>
                          <a:spcPts val="5"/>
                        </a:spcBef>
                        <a:spcAft>
                          <a:spcPts val="0"/>
                        </a:spcAft>
                      </a:pPr>
                      <a:r>
                        <a:rPr lang="en-US" sz="1000" b="1" spc="-20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r>
                        <a:rPr lang="en-IN" sz="1000" b="1" spc="0" dirty="0">
                          <a:solidFill>
                            <a:schemeClr val="tx1"/>
                          </a:solidFill>
                          <a:effectLst/>
                        </a:rPr>
                        <a:t>                    </a:t>
                      </a:r>
                      <a:r>
                        <a:rPr lang="en-US" sz="1000" b="1" spc="-20" dirty="0">
                          <a:solidFill>
                            <a:schemeClr val="tx1"/>
                          </a:solidFill>
                          <a:effectLst/>
                        </a:rPr>
                        <a:t>Accuracy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5405">
                        <a:lnSpc>
                          <a:spcPts val="1340"/>
                        </a:lnSpc>
                        <a:spcBef>
                          <a:spcPts val="5"/>
                        </a:spcBef>
                        <a:spcAft>
                          <a:spcPts val="0"/>
                        </a:spcAft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1. Random forests can be computationally expensive due to large number of trees and suffer from overfitting if no. of trees is too high.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5405">
                        <a:lnSpc>
                          <a:spcPts val="1340"/>
                        </a:lnSpc>
                        <a:spcBef>
                          <a:spcPts val="5"/>
                        </a:spcBef>
                        <a:spcAft>
                          <a:spcPts val="0"/>
                        </a:spcAft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2. Selecting right kernel function can be challenging.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860554936"/>
                  </a:ext>
                </a:extLst>
              </a:tr>
              <a:tr h="1264184">
                <a:tc>
                  <a:txBody>
                    <a:bodyPr/>
                    <a:lstStyle/>
                    <a:p>
                      <a:pPr marL="66675">
                        <a:lnSpc>
                          <a:spcPts val="1340"/>
                        </a:lnSpc>
                      </a:pPr>
                      <a:r>
                        <a:rPr lang="en-US" sz="1000" dirty="0">
                          <a:effectLst/>
                        </a:rPr>
                        <a:t>  </a:t>
                      </a:r>
                      <a:endParaRPr lang="en-IN" sz="1000" dirty="0">
                        <a:effectLst/>
                      </a:endParaRPr>
                    </a:p>
                    <a:p>
                      <a:pPr marL="66675">
                        <a:lnSpc>
                          <a:spcPts val="1340"/>
                        </a:lnSpc>
                      </a:pPr>
                      <a:r>
                        <a:rPr lang="en-US" sz="1000" dirty="0">
                          <a:effectLst/>
                        </a:rPr>
                        <a:t> </a:t>
                      </a:r>
                      <a:endParaRPr lang="en-IN" sz="1000" dirty="0">
                        <a:effectLst/>
                      </a:endParaRPr>
                    </a:p>
                    <a:p>
                      <a:pPr marL="66675">
                        <a:lnSpc>
                          <a:spcPts val="1340"/>
                        </a:lnSpc>
                      </a:pPr>
                      <a:r>
                        <a:rPr lang="en-US" sz="1000" dirty="0">
                          <a:effectLst/>
                        </a:rPr>
                        <a:t>5</a:t>
                      </a:r>
                      <a:endParaRPr lang="en-IN" sz="1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67945" marR="259080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000" b="1" spc="-1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7945" marR="259080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000" b="1" spc="-1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 marR="259080">
                        <a:lnSpc>
                          <a:spcPct val="107000"/>
                        </a:lnSpc>
                      </a:pPr>
                      <a:r>
                        <a:rPr lang="en-US" sz="1000" b="1" spc="-10">
                          <a:solidFill>
                            <a:schemeClr val="tx1"/>
                          </a:solidFill>
                          <a:effectLst/>
                        </a:rPr>
                        <a:t>Patient Similarity Using Population Statistics and Multiple Kernel Learning </a:t>
                      </a:r>
                      <a:endParaRPr lang="en-IN" sz="1000" b="1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7310">
                        <a:lnSpc>
                          <a:spcPct val="107000"/>
                        </a:lnSpc>
                      </a:pPr>
                      <a:r>
                        <a:rPr lang="en-US" sz="1000" b="1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7310">
                        <a:lnSpc>
                          <a:spcPct val="107000"/>
                        </a:lnSpc>
                      </a:pPr>
                      <a:r>
                        <a:rPr lang="en-US" sz="1000" b="1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7310">
                        <a:lnSpc>
                          <a:spcPct val="107000"/>
                        </a:lnSpc>
                      </a:pPr>
                      <a:r>
                        <a:rPr lang="en-US" sz="1000" b="1">
                          <a:solidFill>
                            <a:schemeClr val="tx1"/>
                          </a:solidFill>
                          <a:effectLst/>
                        </a:rPr>
                        <a:t>Multiple Kernel Learning</a:t>
                      </a:r>
                      <a:endParaRPr lang="en-IN" sz="1000" b="1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6675" marR="195580">
                        <a:lnSpc>
                          <a:spcPct val="106000"/>
                        </a:lnSpc>
                      </a:pPr>
                      <a:r>
                        <a:rPr lang="en-US" sz="1000" b="1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 marR="195580">
                        <a:lnSpc>
                          <a:spcPct val="106000"/>
                        </a:lnSpc>
                      </a:pPr>
                      <a:r>
                        <a:rPr lang="en-US" sz="1000" b="1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 marR="195580">
                        <a:lnSpc>
                          <a:spcPct val="106000"/>
                        </a:lnSpc>
                      </a:pPr>
                      <a:r>
                        <a:rPr lang="en-US" sz="1000" b="1">
                          <a:solidFill>
                            <a:schemeClr val="tx1"/>
                          </a:solidFill>
                          <a:effectLst/>
                        </a:rPr>
                        <a:t>Cumulative Distribution Function (CDF).</a:t>
                      </a:r>
                      <a:endParaRPr lang="en-IN" sz="1000" b="1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 marR="195580">
                        <a:lnSpc>
                          <a:spcPct val="106000"/>
                        </a:lnSpc>
                        <a:spcAft>
                          <a:spcPts val="0"/>
                        </a:spcAft>
                      </a:pPr>
                      <a:r>
                        <a:rPr lang="en-US" sz="1000" b="1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6040">
                        <a:lnSpc>
                          <a:spcPts val="1340"/>
                        </a:lnSpc>
                      </a:pPr>
                      <a:r>
                        <a:rPr lang="en-US" sz="1000" b="1" spc="-20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040">
                        <a:lnSpc>
                          <a:spcPts val="1340"/>
                        </a:lnSpc>
                      </a:pPr>
                      <a:r>
                        <a:rPr lang="en-US" sz="1000" b="1" spc="-20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040">
                        <a:lnSpc>
                          <a:spcPts val="1340"/>
                        </a:lnSpc>
                      </a:pPr>
                      <a:r>
                        <a:rPr lang="en-US" sz="1000" b="1" spc="-20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>
                        <a:lnSpc>
                          <a:spcPts val="1340"/>
                        </a:lnSpc>
                      </a:pPr>
                      <a:r>
                        <a:rPr lang="en-US" sz="1000" b="1" spc="-20" dirty="0">
                          <a:solidFill>
                            <a:schemeClr val="tx1"/>
                          </a:solidFill>
                          <a:effectLst/>
                        </a:rPr>
                        <a:t>     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 algn="ctr">
                        <a:lnSpc>
                          <a:spcPts val="1340"/>
                        </a:lnSpc>
                      </a:pPr>
                      <a:r>
                        <a:rPr lang="en-US" sz="1000" b="1" spc="-20" dirty="0">
                          <a:solidFill>
                            <a:schemeClr val="tx1"/>
                          </a:solidFill>
                          <a:effectLst/>
                        </a:rPr>
                        <a:t>Performance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 algn="ctr">
                        <a:lnSpc>
                          <a:spcPts val="1340"/>
                        </a:lnSpc>
                      </a:pPr>
                      <a:r>
                        <a:rPr lang="en-US" sz="1000" b="1" spc="-20" dirty="0">
                          <a:solidFill>
                            <a:schemeClr val="tx1"/>
                          </a:solidFill>
                          <a:effectLst/>
                        </a:rPr>
                        <a:t>Metrics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6675">
                        <a:lnSpc>
                          <a:spcPts val="134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1. The definition of patient similarity can be context-dependent, complicating feature relevance. 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>
                        <a:lnSpc>
                          <a:spcPts val="134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2. Generalizability of the model may be limited across diverse patient populations.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>
                        <a:lnSpc>
                          <a:spcPts val="134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3. Historical data reliance may introduce biases, affecting adaptability to new cases.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716169837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65961866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7EF43C9-E096-DA2E-459E-A4C8950150F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>
                <a:latin typeface="+mj-lt"/>
              </a:rPr>
              <a:t>Proposed Method</a:t>
            </a:r>
            <a:endParaRPr lang="en-IN" dirty="0">
              <a:latin typeface="+mj-lt"/>
            </a:endParaRPr>
          </a:p>
        </p:txBody>
      </p:sp>
      <p:graphicFrame>
        <p:nvGraphicFramePr>
          <p:cNvPr id="4" name="Content Placeholder 3">
            <a:extLst>
              <a:ext uri="{FF2B5EF4-FFF2-40B4-BE49-F238E27FC236}">
                <a16:creationId xmlns:a16="http://schemas.microsoft.com/office/drawing/2014/main" id="{88D726A3-1BE6-2551-4985-FAAC7F3DF0E4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319991037"/>
              </p:ext>
            </p:extLst>
          </p:nvPr>
        </p:nvGraphicFramePr>
        <p:xfrm>
          <a:off x="812800" y="1001381"/>
          <a:ext cx="10668001" cy="4967759"/>
        </p:xfrm>
        <a:graphic>
          <a:graphicData uri="http://schemas.openxmlformats.org/drawingml/2006/table">
            <a:tbl>
              <a:tblPr firstRow="1" firstCol="1" lastRow="1" lastCol="1" bandRow="1" bandCol="1">
                <a:tableStyleId>{5C22544A-7EE6-4342-B048-85BDC9FD1C3A}</a:tableStyleId>
              </a:tblPr>
              <a:tblGrid>
                <a:gridCol w="256456">
                  <a:extLst>
                    <a:ext uri="{9D8B030D-6E8A-4147-A177-3AD203B41FA5}">
                      <a16:colId xmlns:a16="http://schemas.microsoft.com/office/drawing/2014/main" val="4071248681"/>
                    </a:ext>
                  </a:extLst>
                </a:gridCol>
                <a:gridCol w="2059688">
                  <a:extLst>
                    <a:ext uri="{9D8B030D-6E8A-4147-A177-3AD203B41FA5}">
                      <a16:colId xmlns:a16="http://schemas.microsoft.com/office/drawing/2014/main" val="2596530922"/>
                    </a:ext>
                  </a:extLst>
                </a:gridCol>
                <a:gridCol w="1471356">
                  <a:extLst>
                    <a:ext uri="{9D8B030D-6E8A-4147-A177-3AD203B41FA5}">
                      <a16:colId xmlns:a16="http://schemas.microsoft.com/office/drawing/2014/main" val="2766148047"/>
                    </a:ext>
                  </a:extLst>
                </a:gridCol>
                <a:gridCol w="1407021">
                  <a:extLst>
                    <a:ext uri="{9D8B030D-6E8A-4147-A177-3AD203B41FA5}">
                      <a16:colId xmlns:a16="http://schemas.microsoft.com/office/drawing/2014/main" val="204811806"/>
                    </a:ext>
                  </a:extLst>
                </a:gridCol>
                <a:gridCol w="2646985">
                  <a:extLst>
                    <a:ext uri="{9D8B030D-6E8A-4147-A177-3AD203B41FA5}">
                      <a16:colId xmlns:a16="http://schemas.microsoft.com/office/drawing/2014/main" val="2690311324"/>
                    </a:ext>
                  </a:extLst>
                </a:gridCol>
                <a:gridCol w="2826495">
                  <a:extLst>
                    <a:ext uri="{9D8B030D-6E8A-4147-A177-3AD203B41FA5}">
                      <a16:colId xmlns:a16="http://schemas.microsoft.com/office/drawing/2014/main" val="190718778"/>
                    </a:ext>
                  </a:extLst>
                </a:gridCol>
              </a:tblGrid>
              <a:tr h="996880">
                <a:tc>
                  <a:txBody>
                    <a:bodyPr/>
                    <a:lstStyle/>
                    <a:p>
                      <a:pPr marL="67945">
                        <a:lnSpc>
                          <a:spcPts val="1340"/>
                        </a:lnSpc>
                      </a:pPr>
                      <a:endParaRPr lang="en-US" sz="1000" spc="-50" dirty="0">
                        <a:effectLst/>
                      </a:endParaRPr>
                    </a:p>
                    <a:p>
                      <a:pPr marL="67945">
                        <a:lnSpc>
                          <a:spcPts val="1340"/>
                        </a:lnSpc>
                      </a:pPr>
                      <a:r>
                        <a:rPr lang="en-US" sz="1000" spc="-50" dirty="0">
                          <a:effectLst/>
                        </a:rPr>
                        <a:t>6</a:t>
                      </a:r>
                      <a:endParaRPr lang="en-IN" sz="1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67945" marR="259080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en-US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7945" marR="259080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Similarity Of Patients in Predictive Models Using Medical Data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7310">
                        <a:lnSpc>
                          <a:spcPts val="1340"/>
                        </a:lnSpc>
                      </a:pPr>
                      <a:endParaRPr lang="en-US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7310">
                        <a:lnSpc>
                          <a:spcPts val="134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Multiple Supervised and Unsupervised ML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6675" marR="242570">
                        <a:lnSpc>
                          <a:spcPct val="107000"/>
                        </a:lnSpc>
                      </a:pPr>
                      <a:endParaRPr lang="en-US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 marR="242570">
                        <a:lnSpc>
                          <a:spcPct val="10700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1. K-Medoids clustering.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 marR="242570">
                        <a:lnSpc>
                          <a:spcPct val="10700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2. Linear Regression.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6040">
                        <a:lnSpc>
                          <a:spcPts val="1340"/>
                        </a:lnSpc>
                      </a:pPr>
                      <a:endParaRPr lang="en-US" sz="1000" b="1" spc="-10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040">
                        <a:lnSpc>
                          <a:spcPts val="1340"/>
                        </a:lnSpc>
                      </a:pPr>
                      <a:r>
                        <a:rPr lang="en-US" sz="1000" b="1" spc="-10" dirty="0">
                          <a:solidFill>
                            <a:schemeClr val="tx1"/>
                          </a:solidFill>
                          <a:effectLst/>
                        </a:rPr>
                        <a:t>1. Mean Squared Error.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040">
                        <a:lnSpc>
                          <a:spcPts val="1340"/>
                        </a:lnSpc>
                      </a:pPr>
                      <a:r>
                        <a:rPr lang="en-US" sz="1000" b="1" spc="-10" dirty="0">
                          <a:solidFill>
                            <a:schemeClr val="tx1"/>
                          </a:solidFill>
                          <a:effectLst/>
                        </a:rPr>
                        <a:t>2. Root Mean Squared Error.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5405" algn="ctr">
                        <a:lnSpc>
                          <a:spcPts val="1340"/>
                        </a:lnSpc>
                      </a:pPr>
                      <a:r>
                        <a:rPr lang="en-US" sz="1000" b="1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5405" algn="ctr">
                        <a:lnSpc>
                          <a:spcPts val="1340"/>
                        </a:lnSpc>
                      </a:pPr>
                      <a:r>
                        <a:rPr lang="en-US" sz="1000" b="1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>
                        <a:lnSpc>
                          <a:spcPts val="1340"/>
                        </a:lnSpc>
                      </a:pPr>
                      <a:r>
                        <a:rPr lang="en-US" sz="1000" b="1">
                          <a:solidFill>
                            <a:schemeClr val="tx1"/>
                          </a:solidFill>
                          <a:effectLst/>
                        </a:rPr>
                        <a:t>                   No Drawbacks</a:t>
                      </a:r>
                      <a:endParaRPr lang="en-IN" sz="1000" b="1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40813757"/>
                  </a:ext>
                </a:extLst>
              </a:tr>
              <a:tr h="1678074">
                <a:tc>
                  <a:txBody>
                    <a:bodyPr/>
                    <a:lstStyle/>
                    <a:p>
                      <a:pPr marL="67945">
                        <a:lnSpc>
                          <a:spcPts val="1340"/>
                        </a:lnSpc>
                      </a:pPr>
                      <a:r>
                        <a:rPr lang="en-US" sz="1000" spc="-50" dirty="0">
                          <a:effectLst/>
                        </a:rPr>
                        <a:t> </a:t>
                      </a:r>
                      <a:endParaRPr lang="en-IN" sz="1000" dirty="0">
                        <a:effectLst/>
                      </a:endParaRPr>
                    </a:p>
                    <a:p>
                      <a:pPr marL="67945">
                        <a:lnSpc>
                          <a:spcPts val="1340"/>
                        </a:lnSpc>
                      </a:pPr>
                      <a:r>
                        <a:rPr lang="en-US" sz="1000" spc="-50" dirty="0">
                          <a:effectLst/>
                        </a:rPr>
                        <a:t> </a:t>
                      </a:r>
                      <a:endParaRPr lang="en-IN" sz="1000" dirty="0">
                        <a:effectLst/>
                      </a:endParaRPr>
                    </a:p>
                    <a:p>
                      <a:pPr marL="67945">
                        <a:lnSpc>
                          <a:spcPts val="1340"/>
                        </a:lnSpc>
                      </a:pPr>
                      <a:r>
                        <a:rPr lang="en-US" sz="1000" spc="-50" dirty="0">
                          <a:effectLst/>
                        </a:rPr>
                        <a:t> </a:t>
                      </a:r>
                      <a:endParaRPr lang="en-IN" sz="1000" dirty="0">
                        <a:effectLst/>
                      </a:endParaRPr>
                    </a:p>
                    <a:p>
                      <a:pPr marL="67945">
                        <a:lnSpc>
                          <a:spcPts val="1340"/>
                        </a:lnSpc>
                      </a:pPr>
                      <a:r>
                        <a:rPr lang="en-US" sz="1000" spc="-50" dirty="0">
                          <a:effectLst/>
                        </a:rPr>
                        <a:t> 7</a:t>
                      </a:r>
                      <a:endParaRPr lang="en-IN" sz="1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67945">
                        <a:lnSpc>
                          <a:spcPct val="107000"/>
                        </a:lnSpc>
                      </a:pPr>
                      <a:r>
                        <a:rPr lang="en-US" sz="1000" b="1" spc="-10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7945">
                        <a:lnSpc>
                          <a:spcPct val="107000"/>
                        </a:lnSpc>
                      </a:pPr>
                      <a:r>
                        <a:rPr lang="en-US" sz="1000" b="1" spc="-10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7945">
                        <a:lnSpc>
                          <a:spcPct val="107000"/>
                        </a:lnSpc>
                      </a:pPr>
                      <a:r>
                        <a:rPr lang="en-US" sz="1000" b="1" spc="-10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7945">
                        <a:lnSpc>
                          <a:spcPct val="107000"/>
                        </a:lnSpc>
                      </a:pPr>
                      <a:r>
                        <a:rPr lang="en-US" sz="1000" b="1" spc="-10" dirty="0">
                          <a:solidFill>
                            <a:schemeClr val="tx1"/>
                          </a:solidFill>
                          <a:effectLst/>
                        </a:rPr>
                        <a:t>Supervised Patient Similarity Measure of Heterogeneous Patient Records 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7310">
                        <a:lnSpc>
                          <a:spcPct val="10700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7310">
                        <a:lnSpc>
                          <a:spcPct val="10700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7310">
                        <a:lnSpc>
                          <a:spcPct val="10700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7310">
                        <a:lnSpc>
                          <a:spcPct val="10700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Supervised Metric Learning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6675" marR="144780" algn="ctr">
                        <a:lnSpc>
                          <a:spcPct val="10700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 marR="144780" algn="ctr">
                        <a:lnSpc>
                          <a:spcPct val="10700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 marR="144780" algn="ctr">
                        <a:lnSpc>
                          <a:spcPct val="10700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 marR="144780" algn="ctr">
                        <a:lnSpc>
                          <a:spcPct val="10700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 marR="144780" algn="ctr">
                        <a:lnSpc>
                          <a:spcPct val="10700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Not mentioned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6040">
                        <a:lnSpc>
                          <a:spcPts val="134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040">
                        <a:lnSpc>
                          <a:spcPts val="134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040">
                        <a:lnSpc>
                          <a:spcPts val="134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040">
                        <a:lnSpc>
                          <a:spcPts val="134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040">
                        <a:lnSpc>
                          <a:spcPts val="134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LSML [Locally Supervised Metric Learning]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6675">
                        <a:lnSpc>
                          <a:spcPts val="1340"/>
                        </a:lnSpc>
                      </a:pPr>
                      <a:endParaRPr lang="en-US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>
                        <a:lnSpc>
                          <a:spcPts val="134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1. To identify the appropriate and effective secondary uses of EHR data.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>
                        <a:lnSpc>
                          <a:spcPts val="134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2. Data Reduction and in summarizing temporal event sequences in HER data into features that can differentiate patients.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>
                        <a:lnSpc>
                          <a:spcPts val="134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3. LSML algorithm and its extension on incremental update face a key challenge in distributed secure environments. 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88291354"/>
                  </a:ext>
                </a:extLst>
              </a:tr>
              <a:tr h="572757">
                <a:tc>
                  <a:txBody>
                    <a:bodyPr/>
                    <a:lstStyle/>
                    <a:p>
                      <a:pPr marL="67945">
                        <a:lnSpc>
                          <a:spcPts val="1340"/>
                        </a:lnSpc>
                      </a:pPr>
                      <a:endParaRPr lang="en-US" sz="1000" spc="-50" dirty="0">
                        <a:effectLst/>
                      </a:endParaRPr>
                    </a:p>
                    <a:p>
                      <a:pPr marL="67945">
                        <a:lnSpc>
                          <a:spcPts val="1340"/>
                        </a:lnSpc>
                      </a:pPr>
                      <a:r>
                        <a:rPr lang="en-US" sz="1000" spc="-50" dirty="0">
                          <a:effectLst/>
                        </a:rPr>
                        <a:t>8</a:t>
                      </a:r>
                      <a:endParaRPr lang="en-IN" sz="1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67945" marR="298450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en-US" sz="1000" b="1" spc="-10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7945" marR="298450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000" b="1" spc="-10" dirty="0">
                          <a:solidFill>
                            <a:schemeClr val="tx1"/>
                          </a:solidFill>
                          <a:effectLst/>
                        </a:rPr>
                        <a:t>IRJMETS: Patient Case Similarity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6675" marR="134620">
                        <a:lnSpc>
                          <a:spcPct val="107000"/>
                        </a:lnSpc>
                      </a:pPr>
                      <a:endParaRPr lang="en-US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 marR="134620">
                        <a:lnSpc>
                          <a:spcPct val="10700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Predictive Based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6675" marR="134620">
                        <a:lnSpc>
                          <a:spcPct val="107000"/>
                        </a:lnSpc>
                      </a:pPr>
                      <a:endParaRPr lang="en-US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 marR="134620">
                        <a:lnSpc>
                          <a:spcPct val="10700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1. ML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 marR="84455" algn="just">
                        <a:lnSpc>
                          <a:spcPct val="10700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2. NLP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6040">
                        <a:lnSpc>
                          <a:spcPts val="1340"/>
                        </a:lnSpc>
                      </a:pPr>
                      <a:endParaRPr lang="en-US" sz="1000" b="1" spc="-10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040">
                        <a:lnSpc>
                          <a:spcPts val="1340"/>
                        </a:lnSpc>
                      </a:pPr>
                      <a:r>
                        <a:rPr lang="en-US" sz="1000" b="1" spc="-10" dirty="0">
                          <a:solidFill>
                            <a:schemeClr val="tx1"/>
                          </a:solidFill>
                          <a:effectLst/>
                        </a:rPr>
                        <a:t>Random Forest Or NN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5405">
                        <a:lnSpc>
                          <a:spcPts val="1340"/>
                        </a:lnSpc>
                      </a:pPr>
                      <a:r>
                        <a:rPr lang="en-US" sz="1000" b="1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626053781"/>
                  </a:ext>
                </a:extLst>
              </a:tr>
              <a:tr h="790535">
                <a:tc>
                  <a:txBody>
                    <a:bodyPr/>
                    <a:lstStyle/>
                    <a:p>
                      <a:pPr marL="67945">
                        <a:lnSpc>
                          <a:spcPts val="1340"/>
                        </a:lnSpc>
                      </a:pPr>
                      <a:endParaRPr lang="en-US" sz="1000" spc="-50" dirty="0">
                        <a:effectLst/>
                      </a:endParaRPr>
                    </a:p>
                    <a:p>
                      <a:pPr marL="67945">
                        <a:lnSpc>
                          <a:spcPts val="1340"/>
                        </a:lnSpc>
                      </a:pPr>
                      <a:r>
                        <a:rPr lang="en-US" sz="1000" spc="-50" dirty="0">
                          <a:effectLst/>
                        </a:rPr>
                        <a:t>9</a:t>
                      </a:r>
                      <a:endParaRPr lang="en-IN" sz="1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67945" marR="298450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en-US" sz="1000" b="1" spc="-10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7945" marR="298450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000" b="1" spc="-10" dirty="0">
                          <a:solidFill>
                            <a:schemeClr val="tx1"/>
                          </a:solidFill>
                          <a:effectLst/>
                        </a:rPr>
                        <a:t>Deep Patient Similarity Learning for Personalized Healthcare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6675" marR="134620">
                        <a:lnSpc>
                          <a:spcPct val="107000"/>
                        </a:lnSpc>
                      </a:pPr>
                      <a:endParaRPr lang="en-US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 marR="134620">
                        <a:lnSpc>
                          <a:spcPct val="10700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Deep learning frameworks (CNN)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6675" marR="134620">
                        <a:lnSpc>
                          <a:spcPct val="107000"/>
                        </a:lnSpc>
                      </a:pPr>
                      <a:endParaRPr lang="en-US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 marR="134620">
                        <a:lnSpc>
                          <a:spcPct val="10700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1. Triplet loss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 marR="134620">
                        <a:lnSpc>
                          <a:spcPct val="10700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2. SoftMax-based learning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6040">
                        <a:lnSpc>
                          <a:spcPts val="1340"/>
                        </a:lnSpc>
                      </a:pPr>
                      <a:endParaRPr lang="en-US" sz="1000" b="1" spc="-10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040">
                        <a:lnSpc>
                          <a:spcPts val="1340"/>
                        </a:lnSpc>
                      </a:pPr>
                      <a:r>
                        <a:rPr lang="en-US" sz="1000" b="1" spc="-10" dirty="0">
                          <a:solidFill>
                            <a:schemeClr val="tx1"/>
                          </a:solidFill>
                          <a:effectLst/>
                        </a:rPr>
                        <a:t>1. Accuracy precision, Recall, F1 score.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040">
                        <a:lnSpc>
                          <a:spcPts val="1340"/>
                        </a:lnSpc>
                      </a:pPr>
                      <a:r>
                        <a:rPr lang="en-US" sz="1000" b="1" spc="-10" dirty="0">
                          <a:solidFill>
                            <a:schemeClr val="tx1"/>
                          </a:solidFill>
                          <a:effectLst/>
                        </a:rPr>
                        <a:t>2. RI and NMI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5405">
                        <a:lnSpc>
                          <a:spcPts val="1340"/>
                        </a:lnSpc>
                      </a:pPr>
                      <a:endParaRPr lang="en-US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5405">
                        <a:lnSpc>
                          <a:spcPts val="134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Difficulty in distinguishing between diseases with overlapping symptoms due to shared clinical characteristics.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67678059"/>
                  </a:ext>
                </a:extLst>
              </a:tr>
              <a:tr h="929513">
                <a:tc>
                  <a:txBody>
                    <a:bodyPr/>
                    <a:lstStyle/>
                    <a:p>
                      <a:pPr marL="67945">
                        <a:lnSpc>
                          <a:spcPts val="1340"/>
                        </a:lnSpc>
                      </a:pPr>
                      <a:endParaRPr lang="en-US" sz="1000" spc="-50" dirty="0">
                        <a:effectLst/>
                      </a:endParaRPr>
                    </a:p>
                    <a:p>
                      <a:pPr marL="67945">
                        <a:lnSpc>
                          <a:spcPts val="1340"/>
                        </a:lnSpc>
                      </a:pPr>
                      <a:r>
                        <a:rPr lang="en-US" sz="1000" spc="-50" dirty="0">
                          <a:effectLst/>
                        </a:rPr>
                        <a:t>10</a:t>
                      </a:r>
                      <a:endParaRPr lang="en-IN" sz="1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67945" marR="298450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en-US" sz="1000" b="1" spc="-10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7945" marR="298450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000" b="1" spc="-10" dirty="0">
                          <a:solidFill>
                            <a:schemeClr val="tx1"/>
                          </a:solidFill>
                          <a:effectLst/>
                        </a:rPr>
                        <a:t>AI – Driven Clinical Decision Support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6675" marR="134620">
                        <a:lnSpc>
                          <a:spcPct val="107000"/>
                        </a:lnSpc>
                      </a:pPr>
                      <a:endParaRPr lang="en-US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 marR="134620">
                        <a:lnSpc>
                          <a:spcPct val="10700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ML and DL Techniques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6675" marR="134620">
                        <a:lnSpc>
                          <a:spcPct val="107000"/>
                        </a:lnSpc>
                      </a:pPr>
                      <a:endParaRPr lang="en-US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 marR="134620">
                        <a:lnSpc>
                          <a:spcPct val="10700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1. Prediction model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 marR="134620">
                        <a:lnSpc>
                          <a:spcPct val="10700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2. Cosine Similarity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6040">
                        <a:lnSpc>
                          <a:spcPts val="1340"/>
                        </a:lnSpc>
                      </a:pPr>
                      <a:endParaRPr lang="en-US" sz="1000" b="1" spc="-10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040">
                        <a:lnSpc>
                          <a:spcPts val="1340"/>
                        </a:lnSpc>
                      </a:pPr>
                      <a:r>
                        <a:rPr lang="en-US" sz="1000" b="1" spc="-10" dirty="0">
                          <a:solidFill>
                            <a:schemeClr val="tx1"/>
                          </a:solidFill>
                          <a:effectLst/>
                        </a:rPr>
                        <a:t>1. Top - K Accuracy 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040">
                        <a:lnSpc>
                          <a:spcPts val="1340"/>
                        </a:lnSpc>
                      </a:pPr>
                      <a:r>
                        <a:rPr lang="en-US" sz="1000" b="1" spc="-10" dirty="0">
                          <a:solidFill>
                            <a:schemeClr val="tx1"/>
                          </a:solidFill>
                          <a:effectLst/>
                        </a:rPr>
                        <a:t>2. Precision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040">
                        <a:lnSpc>
                          <a:spcPts val="1340"/>
                        </a:lnSpc>
                      </a:pPr>
                      <a:r>
                        <a:rPr lang="en-US" sz="1000" b="1" spc="-10" dirty="0">
                          <a:solidFill>
                            <a:schemeClr val="tx1"/>
                          </a:solidFill>
                          <a:effectLst/>
                        </a:rPr>
                        <a:t>3. Recall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040">
                        <a:lnSpc>
                          <a:spcPts val="1340"/>
                        </a:lnSpc>
                      </a:pPr>
                      <a:r>
                        <a:rPr lang="en-US" sz="1000" b="1" spc="-10" dirty="0">
                          <a:solidFill>
                            <a:schemeClr val="tx1"/>
                          </a:solidFill>
                          <a:effectLst/>
                        </a:rPr>
                        <a:t>4. F - Measure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5405">
                        <a:lnSpc>
                          <a:spcPts val="1340"/>
                        </a:lnSpc>
                      </a:pPr>
                      <a:endParaRPr lang="en-US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5405">
                        <a:lnSpc>
                          <a:spcPts val="134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1. High Dimensionality and Complexity.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5405">
                        <a:lnSpc>
                          <a:spcPts val="134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2. Limited Generalization.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160608081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987530027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>
                <a:latin typeface="+mj-lt"/>
              </a:rPr>
              <a:t>Objective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IN" sz="1800" dirty="0">
                <a:latin typeface="+mj-lt"/>
              </a:rPr>
              <a:t>Clustering Algorithms for Patient Similarity </a:t>
            </a:r>
          </a:p>
          <a:p>
            <a:r>
              <a:rPr lang="en-US" sz="1800" dirty="0">
                <a:latin typeface="+mj-lt"/>
              </a:rPr>
              <a:t>Similarity Metrics for Various Data Types</a:t>
            </a:r>
            <a:endParaRPr lang="en-IN" sz="1800" dirty="0">
              <a:latin typeface="+mj-lt"/>
            </a:endParaRPr>
          </a:p>
          <a:p>
            <a:r>
              <a:rPr lang="en-IN" sz="1800" dirty="0">
                <a:latin typeface="+mj-lt"/>
              </a:rPr>
              <a:t>Implementation in Python </a:t>
            </a:r>
          </a:p>
          <a:p>
            <a:r>
              <a:rPr lang="en-IN" sz="1800" dirty="0">
                <a:latin typeface="+mj-lt"/>
              </a:rPr>
              <a:t>Web Development</a:t>
            </a:r>
          </a:p>
          <a:p>
            <a:r>
              <a:rPr lang="en-US" sz="1800" dirty="0">
                <a:latin typeface="+mj-lt"/>
              </a:rPr>
              <a:t>Evaluate the effectiveness of clustering and similarity analysis.</a:t>
            </a:r>
            <a:endParaRPr lang="en-IN" sz="1800" dirty="0">
              <a:latin typeface="+mj-lt"/>
            </a:endParaRPr>
          </a:p>
          <a:p>
            <a:r>
              <a:rPr lang="en-IN" sz="1800" dirty="0">
                <a:latin typeface="+mj-lt"/>
              </a:rPr>
              <a:t>Addressing Limitations and Challenges</a:t>
            </a:r>
            <a:endParaRPr lang="en-GB" sz="1800" dirty="0"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2666729557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>
                <a:latin typeface="+mj-lt"/>
              </a:rPr>
              <a:t>Methodology/Modules</a:t>
            </a:r>
          </a:p>
        </p:txBody>
      </p:sp>
      <p:pic>
        <p:nvPicPr>
          <p:cNvPr id="5" name="Content Placeholder 4" descr="A diagram of a patient case use cases&#10;&#10;Description automatically generated">
            <a:extLst>
              <a:ext uri="{FF2B5EF4-FFF2-40B4-BE49-F238E27FC236}">
                <a16:creationId xmlns:a16="http://schemas.microsoft.com/office/drawing/2014/main" id="{440DA5F1-FC9B-7091-68C3-8CF1561FA939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2800" y="1022839"/>
            <a:ext cx="4953000" cy="4953000"/>
          </a:xfr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354469EB-FC21-F10A-D71F-242C7F05CBBB}"/>
              </a:ext>
            </a:extLst>
          </p:cNvPr>
          <p:cNvSpPr txBox="1"/>
          <p:nvPr/>
        </p:nvSpPr>
        <p:spPr>
          <a:xfrm>
            <a:off x="5951136" y="1859339"/>
            <a:ext cx="6240863" cy="286232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IN" dirty="0"/>
              <a:t>The workflow for a patient case similarity system in healthcare involves: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IN" dirty="0"/>
              <a:t>Submit Patient Data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IN" dirty="0"/>
              <a:t>Similarity Calcula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IN" dirty="0"/>
              <a:t>Result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IN" dirty="0"/>
              <a:t>Update Data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IN" dirty="0"/>
              <a:t>Manage Data Model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IN" dirty="0"/>
              <a:t>System Security</a:t>
            </a:r>
          </a:p>
          <a:p>
            <a:r>
              <a:rPr lang="en-IN" dirty="0"/>
              <a:t>This feedback loop helps healthcare professionals gain actionable insights.</a:t>
            </a:r>
          </a:p>
        </p:txBody>
      </p:sp>
    </p:spTree>
    <p:extLst>
      <p:ext uri="{BB962C8B-B14F-4D97-AF65-F5344CB8AC3E}">
        <p14:creationId xmlns:p14="http://schemas.microsoft.com/office/powerpoint/2010/main" val="231494474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0NCIsIlRvcCI6MC4wLCJMZWZ0IjowLjAsIlJpZ2h0IjowLjAsIkJvdHRvbSI6MC4wfSwiUGFkZGluZyI6eyIkaWQiOiIxNDUiLCJUb3AiOjAuMCwiTGVmdCI6MC4wLCJSaWdodCI6MC4wLCJCb3R0b20iOjAuMH0sIkJhY2tncm91bmQiOnsiJGlkIjoiMTQ2IiwiQ29sb3IiOnsiJGlkIjoiMTQ3IiwiQSI6ODksIlIiOjAsIkciOjAsIkIiOjB9fSwiSXNWaXNpYmxlIjp0cnVlLCJXaWR0aCI6MC4wLCJIZWlnaHQiOjAuMCwiQm9yZGVyU3R5bGUiOnsiJGlkIjoiMTQ4IiwiTGluZUNvbG9yIjpudWxsLCJMaW5lV2VpZ2h0IjowLjAsIkxpbmVUeXBlIjowLCJQYXJlbnRTdHlsZSI6bnVsbH0sIlBhcmVudFN0eWxlIjpudWxsfSwiRGF0ZUZvcm1hdCI6eyIkaWQiOiIxN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NzgiLCJUb3AiOjAuMCwiTGVmdCI6MC4wLCJSaWdodCI6MC4wLCJCb3R0b20iOjAuMH0sIlBhZGRpbmciOnsiJGlkIjoiMTc5IiwiVG9wIjowLjAsIkxlZnQiOjAuMCwiUmlnaHQiOjAuMCwiQm90dG9tIjowLjB9LCJCYWNrZ3JvdW5kIjp7IiRpZCI6IjE4MCIsIkNvbG9yIjp7IiRpZCI6IjE4MSIsIkEiOjg5LCJSIjowLCJHIjowLCJCIjowfX0sIklzVmlzaWJsZSI6dHJ1ZSwiV2lkdGgiOjAuMCwiSGVpZ2h0IjowLjAsIkJvcmRlclN0eWxlIjp7IiRpZCI6IjE4MiIsIkxpbmVDb2xvciI6bnVsbCwiTGluZVdlaWdodCI6MC4wLCJMaW5lVHlwZSI6MCwiUGFyZW50U3R5bGUiOm51bGx9LCJQYXJlbnRTdHlsZSI6bnVsbH0sIkRhdGVGb3JtYXQiOnsiJGlkIjoiMTg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MzEiLCJUb3AiOjAuMCwiTGVmdCI6MC4wLCJSaWdodCI6MC4wLCJCb3R0b20iOjAuMH0sIlBhZGRpbmciOnsiJGlkIjoiMjMyIiwiVG9wIjowLjAsIkxlZnQiOjAuMCwiUmlnaHQiOjAuMCwiQm90dG9tIjowLjB9LCJCYWNrZ3JvdW5kIjp7IiRpZCI6IjIzMyIsIkNvbG9yIjp7IiRpZCI6IjIzNCIsIkEiOjg5LCJSIjowLCJHIjowLCJCIjowfX0sIklzVmlzaWJsZSI6dHJ1ZSwiV2lkdGgiOjAuMCwiSGVpZ2h0IjowLjAsIkJvcmRlclN0eWxlIjp7IiRpZCI6IjIzNSIsIkxpbmVDb2xvciI6bnVsbCwiTGluZVdlaWdodCI6MC4wLCJMaW5lVHlwZSI6MCwiUGFyZW50U3R5bGUiOm51bGx9LCJQYXJlbnRTdHlsZSI6bnVsbH0sIkRhdGVGb3JtYXQiOnsiJGlkIjoiMjM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zciLCJUb3AiOjAuMCwiTGVmdCI6MC4wLCJSaWdodCI6MC4wLCJCb3R0b20iOjAuMH0sIlBhZGRpbmciOnsiJGlkIjoiMzM4IiwiVG9wIjowLjAsIkxlZnQiOjAuMCwiUmlnaHQiOjAuMCwiQm90dG9tIjowLjB9LCJCYWNrZ3JvdW5kIjp7IiRpZCI6IjMzOSIsIkNvbG9yIjp7IiRpZCI6IjM0MCIsIkEiOjg5LCJSIjowLCJHIjowLCJCIjowfX0sIklzVmlzaWJsZSI6dHJ1ZSwiV2lkdGgiOjAuMCwiSGVpZ2h0IjowLjAsIkJvcmRlclN0eWxlIjp7IiRpZCI6IjM0MSIsIkxpbmVDb2xvciI6bnVsbCwiTGluZVdlaWdodCI6MC4wLCJMaW5lVHlwZSI6MCwiUGFyZW50U3R5bGUiOm51bGx9LCJQYXJlbnRTdHlsZSI6bnVsbH0sIkRhdGVGb3JtYXQiOnsiJGlkIjoiMzQ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cyIiwiVG9wIjowLjAsIkxlZnQiOjAuMCwiUmlnaHQiOjAuMCwiQm90dG9tIjowLjB9LCJQYWRkaW5nIjp7IiRpZCI6IjM3MyIsIlRvcCI6MC4wLCJMZWZ0IjowLjAsIlJpZ2h0IjowLjAsIkJvdHRvbSI6MC4wfSwiQmFja2dyb3VuZCI6eyIkaWQiOiIzNzQiLCJDb2xvciI6eyIkaWQiOiIzNzUiLCJBIjo4OSwiUiI6MCwiRyI6MCwiQiI6MH19LCJJc1Zpc2libGUiOnRydWUsIldpZHRoIjowLjAsIkhlaWdodCI6MC4wLCJCb3JkZXJTdHlsZSI6eyIkaWQiOiIzNzYiLCJMaW5lQ29sb3IiOm51bGwsIkxpbmVXZWlnaHQiOjAuMCwiTGluZVR5cGUiOjAsIlBhcmVudFN0eWxlIjpudWxsfSwiUGFyZW50U3R5bGUiOm51bGx9LCJEYXRlRm9ybWF0Ijp7IiRpZCI6IjM3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AxIiwiVG9wIjowLjAsIkxlZnQiOjAuMCwiUmlnaHQiOjAuMCwiQm90dG9tIjowLjB9LCJQYWRkaW5nIjp7IiRpZCI6IjQwMiIsIlRvcCI6MC4wLCJMZWZ0IjowLjAsIlJpZ2h0IjowLjAsIkJvdHRvbSI6MC4wfSwiQmFja2dyb3VuZCI6eyIkaWQiOiI0MDMiLCJDb2xvciI6eyIkaWQiOiI0MDQiLCJBIjo4OSwiUiI6MCwiRyI6MCwiQiI6MH19LCJJc1Zpc2libGUiOnRydWUsIldpZHRoIjowLjAsIkhlaWdodCI6MC4wLCJCb3JkZXJTdHlsZSI6eyIkaWQiOiI0MDUiLCJMaW5lQ29sb3IiOm51bGwsIkxpbmVXZWlnaHQiOjAuMCwiTGluZVR5cGUiOjAsIlBhcmVudFN0eWxlIjpudWxsfSwiUGFyZW50U3R5bGUiOm51bGx9LCJEYXRlRm9ybWF0Ijp7IiRpZCI6IjQw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TkyLFwiR1wiOjgwLFwiQlwiOjc3fX0sXCJIb3Jpem9udGFsQWxpZ25tZW50XCI6MCxcIklzVmlzaWJsZVwiOmZhbHN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ODNcIixcIkZvcm1hdFwiOjAsXCJJc1Zpc2libGVcIjpmYWxzZSxcIkxhc3RLbm93blZpc2liaWxpdHlTdGF0ZVwiOmZhbHNlfX0sXCJNaWxlc3RvbmVTdHlsZVwiOntcIiRpZFwiOlwiODRcIixcIlNoYXBlXCI6MCxcIklzQmVsb3dUaW1lYmFuZFwiOnRydWUsXCJTaGFwZVNpemVcIjoxLFwiUGFkZGluZ1wiOntcIiRpZFwiOlwiODVcIixcIlRvcFwiOjUuMCxcIkxlZnRcIjozLjAsXCJSaWdodFwiOjAuMCxcIkJvdHRvbVwiOjI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EsXCJTaGFwZVRoaWNrbmVzc1wiOjEsXCJEdXJhdGlvbkZvcm1hdFwiOjAsXCJQZXJjZW50YWdlQ29tcGxldGVUZXh0U3R5bGVcIjp7XCIkaWRcIjpcIjE5NVwiLFwiRm9udFNldHRpbmdzXCI6e1wiJGlkXCI6XCIxOTZcIixcIkZvbnRTaXplXCI6MTAsXCJGb250TmFtZVwiOlwiQ2FsaWJyaVwiLFwiSXNCb2xkXCI6ZmFsc2UsXCJJc0l0YWxpY1wiOmZhbHNlLFwiSXNVbmRlcmxpbmVkXCI6ZmFsc2V9LFwiRm9yZWdyb3VuZFwiOntcIiRpZFwiOlwiMTk3XCIsXCJDb2xvclwiOntcIiRpZFwiOlwiMTk4XCIsXCJBXCI6MjU1LFwiUlwiOjE5MixcIkdcIjo4MCxcIkJcIjo3N319LFwiSG9yaXpvbnRhbEFsaWdubWVudFwiOjAsXCJJc1Zpc2libGVcIjpmYWxz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MjE0IiwiVXNlVGltZSI6ZmFsc2UsIldvcmtEYXlTdGFydCI6IjAwOjAwOjAwIiwiV29ya0RheUVuZCI6IjIzOjU5OjAwIn0sIkxhc3RVc2VkVGVtcGxhdGVJZCI6IjVkODgxNTM2LTZlNTItNGU3Yi1hZDE3LWVlMDlkYjFiMDhhNSIsIkxhc3RVc2VkVGhlbWVEZXRhaWxzIjp7IiRpZCI6IjEyMTUiLCJJZCI6IjVjM2Y2ZWUyLWRhMTktNDQyMC05ZGQ3LWM4ZTI5MzRmNGIyYiIsIlRpdGxlIjoiVW50aXRsZWQgdGhlbWUiLCJDYXRlZ29yeSI6Mn0sIkZpcnN0V2Vla09mWWVhciI6MCwiUGxhY2VNaWxlc3RvbmVBdFRoZUJlZ2lubmluZ09mVGhlRGF5IjpmYWxzZSwiRGVwZW5kZW5jeVNjaGVkdWxpbmdTZXR0aW5ncyI6eyIkaWQiOiIxMjE2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0cnVlLCJEZXBlbmRlbmNpZXMiOnsiX2RlcGVuZGVuY2llcyI6W1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Bioinformatics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Custom 1">
      <a:majorFont>
        <a:latin typeface="Bookman Old Style"/>
        <a:ea typeface=""/>
        <a:cs typeface=""/>
      </a:majorFont>
      <a:minorFont>
        <a:latin typeface="Bookman Old Styl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Bioinformatics" id="{2C23B8A5-E958-4A8C-AECF-01EA482D72F9}" vid="{45DF3A2B-1BA7-4465-AD96-220179DE36DE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Bioinformatics</Template>
  <TotalTime>479</TotalTime>
  <Words>1806</Words>
  <Application>Microsoft Office PowerPoint</Application>
  <PresentationFormat>Widescreen</PresentationFormat>
  <Paragraphs>319</Paragraphs>
  <Slides>19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9</vt:i4>
      </vt:variant>
    </vt:vector>
  </HeadingPairs>
  <TitlesOfParts>
    <vt:vector size="27" baseType="lpstr">
      <vt:lpstr>Aptos</vt:lpstr>
      <vt:lpstr>Arial</vt:lpstr>
      <vt:lpstr>Bookman Old Style</vt:lpstr>
      <vt:lpstr>Calibri</vt:lpstr>
      <vt:lpstr>Cambria</vt:lpstr>
      <vt:lpstr>Times New Roman</vt:lpstr>
      <vt:lpstr>Verdana</vt:lpstr>
      <vt:lpstr>Bioinformatics</vt:lpstr>
      <vt:lpstr>PATIENT CASE SIMILARITY</vt:lpstr>
      <vt:lpstr>Introduction</vt:lpstr>
      <vt:lpstr>Literature Review</vt:lpstr>
      <vt:lpstr>Existing method Drawback</vt:lpstr>
      <vt:lpstr>Existing method Drawback</vt:lpstr>
      <vt:lpstr>Proposed Method</vt:lpstr>
      <vt:lpstr>Proposed Method</vt:lpstr>
      <vt:lpstr>Objectives</vt:lpstr>
      <vt:lpstr>Methodology/Modules</vt:lpstr>
      <vt:lpstr>Architecture</vt:lpstr>
      <vt:lpstr>Software components</vt:lpstr>
      <vt:lpstr>PowerPoint Presentation</vt:lpstr>
      <vt:lpstr>Expected Outcomes</vt:lpstr>
      <vt:lpstr>Conclusion</vt:lpstr>
      <vt:lpstr>Github Link</vt:lpstr>
      <vt:lpstr>References</vt:lpstr>
      <vt:lpstr>References</vt:lpstr>
      <vt:lpstr>Project work mapping with SDG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Sanjeev P Kaulgud-Asst. Prof-CSE</dc:creator>
  <cp:lastModifiedBy>N L</cp:lastModifiedBy>
  <cp:revision>15</cp:revision>
  <dcterms:created xsi:type="dcterms:W3CDTF">2023-03-16T03:26:27Z</dcterms:created>
  <dcterms:modified xsi:type="dcterms:W3CDTF">2024-10-21T08:12:35Z</dcterms:modified>
</cp:coreProperties>
</file>